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3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598925\Box\【内部共有】1510建設技術企画課\03_技術指導係\001_フライアッシュコンクリート関係\令和０７年度試行工事\00_令和7年度試行工事\02_実施通知\"/>
    </mc:Choice>
  </mc:AlternateContent>
  <xr:revisionPtr revIDLastSave="0" documentId="13_ncr:1_{7EA4EB37-92E1-4482-B8EE-E1673EA199D4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アンケート" sheetId="3" r:id="rId1"/>
    <sheet name="工事写真" sheetId="8" r:id="rId2"/>
    <sheet name="アンケート （記入例）" sheetId="10" r:id="rId3"/>
    <sheet name="→以下集計用シート（入力しないでください）" sheetId="4" r:id="rId4"/>
    <sheet name="集計用" sheetId="7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aa" localSheetId="2">#REF!</definedName>
    <definedName name="aa">#REF!</definedName>
    <definedName name="ddd" localSheetId="2">#REF!</definedName>
    <definedName name="ddd">#REF!</definedName>
    <definedName name="_xlnm.Print_Area" localSheetId="0">アンケート!$B$1:$AD$138</definedName>
    <definedName name="_xlnm.Print_Area" localSheetId="2">'アンケート （記入例）'!$B$1:$AD$139</definedName>
    <definedName name="_xlnm.Print_Area" localSheetId="1">工事写真!$A$1:$BD$85</definedName>
    <definedName name="_xlnm.Print_Titles" localSheetId="1">工事写真!$1:$1</definedName>
    <definedName name="PRINT7" localSheetId="2">#REF!</definedName>
    <definedName name="PRINT7">#REF!</definedName>
    <definedName name="PRINT8_2" localSheetId="2">#REF!</definedName>
    <definedName name="PRINT8_2">#REF!</definedName>
    <definedName name="test" localSheetId="2">#REF!</definedName>
    <definedName name="test">#REF!</definedName>
    <definedName name="Z_D955709F_F613_4845_A775_1B069B2BD33D_.wvu.Cols" localSheetId="1" hidden="1">工事写真!#REF!</definedName>
    <definedName name="Z_D955709F_F613_4845_A775_1B069B2BD33D_.wvu.Rows" localSheetId="1" hidden="1">工事写真!#REF!</definedName>
    <definedName name="あ１" localSheetId="2">#REF!</definedName>
    <definedName name="あ１">#REF!</definedName>
    <definedName name="コンクリートポンプ車">'[1]様2 機械器具'!$AM$83:$AN$83</definedName>
    <definedName name="リース期間">[2]ﾘｽﾄ!$AE$3:$AE$70</definedName>
    <definedName name="機械">[3]砂防ソイルセメント工!$B$47:$AF$78</definedName>
    <definedName name="機械・器具">'[2]様式-2'!$A$24:$CA$63</definedName>
    <definedName name="機械①">'[4]様式-2'!$A$21:$AY$75</definedName>
    <definedName name="機械器具番号">[4]ﾘｽﾄ!$P$3:$P$57</definedName>
    <definedName name="経験年数">[2]ﾘｽﾄ!$AS$3:$AS$15</definedName>
    <definedName name="鋼製砂防形式一覧">[4]ﾘｽﾄ!$E$3:$E$27</definedName>
    <definedName name="材料・損耗品">'[2]様式-3'!$A$11:$AQ$50</definedName>
    <definedName name="材料①">'[4]様式-3'!$A$10:$AQ$64</definedName>
    <definedName name="材料Ａ" localSheetId="2">#REF!</definedName>
    <definedName name="材料Ａ">#REF!</definedName>
    <definedName name="材料Ｂ" localSheetId="2">#REF!</definedName>
    <definedName name="材料Ｂ">#REF!</definedName>
    <definedName name="材料Ｃ" localSheetId="2">#REF!</definedName>
    <definedName name="材料Ｃ">#REF!</definedName>
    <definedName name="作業内容①">[4]ﾘｽﾄ!$G$3:$G$7</definedName>
    <definedName name="作業内容②">[4]ﾘｽﾄ!$H$3</definedName>
    <definedName name="作業内容③">[4]ﾘｽﾄ!$I$3:$I$4</definedName>
    <definedName name="作業内容④">[4]ﾘｽﾄ!$J$3:$J$4</definedName>
    <definedName name="作業内容⑤">[4]ﾘｽﾄ!$K$3:$K$4</definedName>
    <definedName name="作業内容⑥">[4]ﾘｽﾄ!$L$3:$L$4</definedName>
    <definedName name="作業内容⑦">[4]ﾘｽﾄ!$M$3:$M$5</definedName>
    <definedName name="使用器具" localSheetId="2">[5]様式4!#REF!</definedName>
    <definedName name="使用器具">[5]様式4!#REF!</definedName>
    <definedName name="使用機械">'[6]様式3&lt;機械・器具&gt;'!$B$6:$C$21</definedName>
    <definedName name="使用機械２">'[7]様式3&lt;機械・器具&gt;'!$B$6:$C$21</definedName>
    <definedName name="使用材料">'[7]様式3&lt;機械・器具&gt;'!$B$6:$C$21</definedName>
    <definedName name="施工概要①">'[4]様式-1-1'!$I$16:$AL$45</definedName>
    <definedName name="施工場所一覧">[4]ﾘｽﾄ!$D$3:$D$6</definedName>
    <definedName name="主な施工内容一覧">[4]ﾘｽﾄ!$F$3:$F$22</definedName>
    <definedName name="省ｺｰﾄﾞ">[2]ﾘｽﾄ!$B$3:$B$7</definedName>
    <definedName name="職種" localSheetId="2">'[8]様式3-1_日報【設置撤去】'!$G$19,'[8]様式3-1_日報【設置撤去】'!#REF!,'[8]様式3-1_日報【設置撤去】'!$G$23,'[8]様式3-1_日報【設置撤去】'!$G$25,'[8]様式3-1_日報【設置撤去】'!$I$27,'[8]様式3-1_日報【設置撤去】'!$I$29</definedName>
    <definedName name="職種">'[8]様式3-1_日報【設置撤去】'!$G$19,'[8]様式3-1_日報【設置撤去】'!#REF!,'[8]様式3-1_日報【設置撤去】'!$G$23,'[8]様式3-1_日報【設置撤去】'!$G$25,'[8]様式3-1_日報【設置撤去】'!$I$27,'[8]様式3-1_日報【設置撤去】'!$I$29</definedName>
    <definedName name="損耗品Ａ" localSheetId="2">#REF!</definedName>
    <definedName name="損耗品Ａ">#REF!</definedName>
    <definedName name="損耗品Ｂ" localSheetId="2">#REF!</definedName>
    <definedName name="損耗品Ｂ">#REF!</definedName>
    <definedName name="損耗品Ｃ" localSheetId="2">#REF!</definedName>
    <definedName name="損耗品Ｃ">#REF!</definedName>
    <definedName name="単位1">'[1]様7-1（2）'!$E$45:$E$48</definedName>
    <definedName name="単位2">'[1]様7-1（2）'!$F$45:$F$66</definedName>
    <definedName name="単位一覧">[4]ﾘｽﾄ!$N$3:$N$9</definedName>
    <definedName name="地方局等ｺｰﾄﾞ">[2]ﾘｽﾄ!$C$3:$C$93</definedName>
    <definedName name="中詰材投入" localSheetId="2">'[4]様式-1-1'!$I$16:$AL$16,'[4]様式-1-1'!#REF!</definedName>
    <definedName name="中詰材投入">'[4]様式-1-1'!$I$16:$AL$16,'[4]様式-1-1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6" i="7" l="1"/>
  <c r="S6" i="7"/>
  <c r="T4" i="7"/>
  <c r="S4" i="7"/>
  <c r="R6" i="7"/>
  <c r="R4" i="7"/>
  <c r="D6" i="7" l="1"/>
  <c r="C6" i="7"/>
  <c r="D4" i="7"/>
  <c r="C4" i="7"/>
  <c r="J6" i="7" l="1"/>
  <c r="K6" i="7"/>
  <c r="L6" i="7"/>
  <c r="M6" i="7"/>
  <c r="N6" i="7"/>
  <c r="O6" i="7"/>
  <c r="P6" i="7"/>
  <c r="Q6" i="7"/>
  <c r="U6" i="7"/>
  <c r="V6" i="7"/>
  <c r="W6" i="7"/>
  <c r="X6" i="7"/>
  <c r="Y6" i="7"/>
  <c r="Z6" i="7"/>
  <c r="AA6" i="7"/>
  <c r="AB6" i="7"/>
  <c r="AC6" i="7"/>
  <c r="AD6" i="7"/>
  <c r="AD4" i="7"/>
  <c r="AC4" i="7"/>
  <c r="AB4" i="7"/>
  <c r="AA4" i="7"/>
  <c r="Z4" i="7"/>
  <c r="Y4" i="7"/>
  <c r="X4" i="7"/>
  <c r="W4" i="7"/>
  <c r="V4" i="7"/>
  <c r="U4" i="7"/>
  <c r="Q4" i="7"/>
  <c r="P4" i="7"/>
  <c r="O4" i="7"/>
  <c r="N4" i="7"/>
  <c r="M4" i="7"/>
  <c r="L4" i="7"/>
  <c r="K4" i="7"/>
  <c r="J4" i="7"/>
  <c r="I6" i="7"/>
  <c r="H6" i="7"/>
  <c r="I4" i="7"/>
  <c r="H4" i="7"/>
  <c r="E6" i="7"/>
  <c r="G6" i="7" l="1"/>
  <c r="F6" i="7"/>
  <c r="AE64" i="8"/>
  <c r="C64" i="8"/>
  <c r="AE78" i="8"/>
  <c r="C78" i="8"/>
  <c r="AE50" i="8"/>
  <c r="C50" i="8"/>
  <c r="AE36" i="8"/>
  <c r="C36" i="8"/>
  <c r="AE22" i="8"/>
  <c r="C22" i="8"/>
  <c r="AE8" i="8"/>
  <c r="C8" i="8"/>
  <c r="AC2" i="8"/>
  <c r="A16" i="8" s="1"/>
  <c r="AC16" i="8" s="1"/>
  <c r="A30" i="8" s="1"/>
  <c r="AC30" i="8" s="1"/>
  <c r="A44" i="8" l="1"/>
  <c r="AC44" i="8" s="1"/>
  <c r="A58" i="8" s="1"/>
  <c r="AC58" i="8" s="1"/>
  <c r="A72" i="8" s="1"/>
  <c r="AC72" i="8" s="1"/>
  <c r="B6" i="7"/>
  <c r="A6" i="7"/>
</calcChain>
</file>

<file path=xl/sharedStrings.xml><?xml version="1.0" encoding="utf-8"?>
<sst xmlns="http://schemas.openxmlformats.org/spreadsheetml/2006/main" count="368" uniqueCount="157">
  <si>
    <t>その他</t>
    <rPh sb="2" eb="3">
      <t>タ</t>
    </rPh>
    <phoneticPr fontId="4"/>
  </si>
  <si>
    <t>工事番号</t>
    <rPh sb="0" eb="2">
      <t>コウジ</t>
    </rPh>
    <rPh sb="2" eb="4">
      <t>バンゴウ</t>
    </rPh>
    <phoneticPr fontId="4"/>
  </si>
  <si>
    <t>工事名</t>
    <rPh sb="0" eb="2">
      <t>コウジ</t>
    </rPh>
    <rPh sb="2" eb="3">
      <t>メイ</t>
    </rPh>
    <phoneticPr fontId="4"/>
  </si>
  <si>
    <t>【４】</t>
    <phoneticPr fontId="4"/>
  </si>
  <si>
    <t>工事番号</t>
    <rPh sb="0" eb="2">
      <t>コウジ</t>
    </rPh>
    <rPh sb="2" eb="4">
      <t>バンゴウ</t>
    </rPh>
    <phoneticPr fontId="12"/>
  </si>
  <si>
    <t>工事名</t>
    <rPh sb="0" eb="2">
      <t>コウジ</t>
    </rPh>
    <rPh sb="2" eb="3">
      <t>メイ</t>
    </rPh>
    <phoneticPr fontId="12"/>
  </si>
  <si>
    <t>荷卸性状（材料分離の有無や粘性など）</t>
    <rPh sb="0" eb="1">
      <t>ニ</t>
    </rPh>
    <rPh sb="1" eb="2">
      <t>オロシ</t>
    </rPh>
    <rPh sb="2" eb="4">
      <t>セイジョウ</t>
    </rPh>
    <rPh sb="5" eb="7">
      <t>ザイリョウ</t>
    </rPh>
    <rPh sb="7" eb="9">
      <t>ブンリ</t>
    </rPh>
    <rPh sb="10" eb="12">
      <t>ウム</t>
    </rPh>
    <rPh sb="13" eb="15">
      <t>ネンセイ</t>
    </rPh>
    <phoneticPr fontId="4"/>
  </si>
  <si>
    <t>筒先性状（材料分離の有無や粘性）</t>
    <rPh sb="0" eb="1">
      <t>ツツ</t>
    </rPh>
    <rPh sb="1" eb="2">
      <t>サキ</t>
    </rPh>
    <rPh sb="2" eb="3">
      <t>セイ</t>
    </rPh>
    <rPh sb="3" eb="4">
      <t>ジョウ</t>
    </rPh>
    <rPh sb="5" eb="7">
      <t>ザイリョウ</t>
    </rPh>
    <rPh sb="7" eb="9">
      <t>ブンリ</t>
    </rPh>
    <rPh sb="10" eb="12">
      <t>ウム</t>
    </rPh>
    <rPh sb="13" eb="15">
      <t>ネンセイ</t>
    </rPh>
    <phoneticPr fontId="4"/>
  </si>
  <si>
    <t>圧送状況</t>
    <rPh sb="0" eb="1">
      <t>アッ</t>
    </rPh>
    <rPh sb="1" eb="2">
      <t>ソウ</t>
    </rPh>
    <rPh sb="2" eb="4">
      <t>ジョウキョウ</t>
    </rPh>
    <phoneticPr fontId="4"/>
  </si>
  <si>
    <t>ブリーディングの発生状況</t>
    <rPh sb="8" eb="10">
      <t>ハッセイ</t>
    </rPh>
    <rPh sb="10" eb="12">
      <t>ジョウキョウ</t>
    </rPh>
    <phoneticPr fontId="4"/>
  </si>
  <si>
    <t>コテ仕上げの施工性</t>
    <rPh sb="2" eb="4">
      <t>シア</t>
    </rPh>
    <rPh sb="6" eb="9">
      <t>セコウセイ</t>
    </rPh>
    <phoneticPr fontId="4"/>
  </si>
  <si>
    <t>良好</t>
    <rPh sb="0" eb="2">
      <t>リョウコウ</t>
    </rPh>
    <phoneticPr fontId="4"/>
  </si>
  <si>
    <t>記入者氏名</t>
    <rPh sb="0" eb="2">
      <t>キニュウ</t>
    </rPh>
    <rPh sb="2" eb="3">
      <t>シャ</t>
    </rPh>
    <rPh sb="3" eb="5">
      <t>シメイ</t>
    </rPh>
    <rPh sb="4" eb="5">
      <t>メイ</t>
    </rPh>
    <phoneticPr fontId="4"/>
  </si>
  <si>
    <t>記入者役職</t>
    <rPh sb="0" eb="2">
      <t>キニュウ</t>
    </rPh>
    <rPh sb="2" eb="3">
      <t>シャ</t>
    </rPh>
    <rPh sb="3" eb="5">
      <t>ヤクショク</t>
    </rPh>
    <phoneticPr fontId="4"/>
  </si>
  <si>
    <t>その他</t>
    <rPh sb="2" eb="3">
      <t>タ</t>
    </rPh>
    <phoneticPr fontId="4"/>
  </si>
  <si>
    <t>バケット・ホッパ</t>
    <phoneticPr fontId="4"/>
  </si>
  <si>
    <t>シュート</t>
    <phoneticPr fontId="4"/>
  </si>
  <si>
    <t>クレーン（ポンプ併用せず）</t>
    <rPh sb="8" eb="10">
      <t>ヘイヨウ</t>
    </rPh>
    <phoneticPr fontId="4"/>
  </si>
  <si>
    <t>ポンプ</t>
    <phoneticPr fontId="4"/>
  </si>
  <si>
    <t>普通</t>
    <rPh sb="0" eb="2">
      <t>フツウ</t>
    </rPh>
    <phoneticPr fontId="4"/>
  </si>
  <si>
    <t>不良</t>
    <rPh sb="0" eb="2">
      <t>フリョウ</t>
    </rPh>
    <phoneticPr fontId="4"/>
  </si>
  <si>
    <t>施工前の現場全景</t>
    <rPh sb="0" eb="2">
      <t>セコウ</t>
    </rPh>
    <rPh sb="2" eb="3">
      <t>マエ</t>
    </rPh>
    <rPh sb="4" eb="8">
      <t>ゲンバゼンケイ</t>
    </rPh>
    <phoneticPr fontId="17"/>
  </si>
  <si>
    <t>施工完了後の現場全景</t>
    <rPh sb="0" eb="2">
      <t>セコウ</t>
    </rPh>
    <rPh sb="2" eb="4">
      <t>カンリョウ</t>
    </rPh>
    <rPh sb="4" eb="5">
      <t>ゴ</t>
    </rPh>
    <rPh sb="6" eb="10">
      <t>ゲンバゼンケイ</t>
    </rPh>
    <phoneticPr fontId="17"/>
  </si>
  <si>
    <t>コンクリート打設状況</t>
    <phoneticPr fontId="19"/>
  </si>
  <si>
    <t>コンクリート締固め状況</t>
    <phoneticPr fontId="19"/>
  </si>
  <si>
    <t>コンクリート養生状況</t>
    <rPh sb="6" eb="8">
      <t>ヨウジョウ</t>
    </rPh>
    <rPh sb="8" eb="10">
      <t>ジョウキョウ</t>
    </rPh>
    <phoneticPr fontId="19"/>
  </si>
  <si>
    <t>施工状況写真</t>
    <phoneticPr fontId="17"/>
  </si>
  <si>
    <t>ブリーディング発生状況</t>
    <rPh sb="7" eb="9">
      <t>ハッセイ</t>
    </rPh>
    <rPh sb="9" eb="11">
      <t>ジョウキョウ</t>
    </rPh>
    <phoneticPr fontId="19"/>
  </si>
  <si>
    <t>（ひび割れなどが発生している場合、その状況がわかる程度に接写する）</t>
    <rPh sb="3" eb="4">
      <t>ワ</t>
    </rPh>
    <rPh sb="8" eb="10">
      <t>ハッセイ</t>
    </rPh>
    <rPh sb="14" eb="16">
      <t>バアイ</t>
    </rPh>
    <rPh sb="19" eb="21">
      <t>ジョウキョウ</t>
    </rPh>
    <rPh sb="25" eb="27">
      <t>テイド</t>
    </rPh>
    <rPh sb="28" eb="30">
      <t>セッシャ</t>
    </rPh>
    <phoneticPr fontId="4"/>
  </si>
  <si>
    <t>（特にひび割れが無い場合は、代表的な肌面を撮影のこと）</t>
    <rPh sb="1" eb="2">
      <t>トク</t>
    </rPh>
    <rPh sb="5" eb="6">
      <t>ワ</t>
    </rPh>
    <rPh sb="8" eb="9">
      <t>ナ</t>
    </rPh>
    <rPh sb="10" eb="12">
      <t>バアイ</t>
    </rPh>
    <rPh sb="14" eb="17">
      <t>ダイヒョウテキ</t>
    </rPh>
    <rPh sb="18" eb="19">
      <t>ハダ</t>
    </rPh>
    <rPh sb="19" eb="20">
      <t>メン</t>
    </rPh>
    <rPh sb="21" eb="23">
      <t>サツエイ</t>
    </rPh>
    <phoneticPr fontId="4"/>
  </si>
  <si>
    <t>その他（内容を記入）</t>
    <rPh sb="2" eb="3">
      <t>タ</t>
    </rPh>
    <rPh sb="4" eb="6">
      <t>ナイヨウ</t>
    </rPh>
    <rPh sb="7" eb="9">
      <t>キニュウ</t>
    </rPh>
    <phoneticPr fontId="19"/>
  </si>
  <si>
    <t>記入者役職</t>
    <rPh sb="0" eb="1">
      <t>キ</t>
    </rPh>
    <rPh sb="1" eb="2">
      <t>ニュウ</t>
    </rPh>
    <rPh sb="2" eb="3">
      <t>シャ</t>
    </rPh>
    <rPh sb="3" eb="5">
      <t>ヤクショク</t>
    </rPh>
    <phoneticPr fontId="12"/>
  </si>
  <si>
    <t>記入者氏名</t>
    <rPh sb="0" eb="3">
      <t>キニュウシャ</t>
    </rPh>
    <rPh sb="3" eb="5">
      <t>シメイ</t>
    </rPh>
    <phoneticPr fontId="12"/>
  </si>
  <si>
    <t>良好/普通/不良から選択ください→</t>
    <rPh sb="0" eb="2">
      <t>リョウコウ</t>
    </rPh>
    <rPh sb="3" eb="5">
      <t>フツウ</t>
    </rPh>
    <rPh sb="6" eb="8">
      <t>フリョウ</t>
    </rPh>
    <rPh sb="10" eb="12">
      <t>センタク</t>
    </rPh>
    <phoneticPr fontId="4"/>
  </si>
  <si>
    <t>選択ください→</t>
    <rPh sb="0" eb="2">
      <t>センタク</t>
    </rPh>
    <phoneticPr fontId="4"/>
  </si>
  <si>
    <t>クレーン（ポンプ併用）</t>
    <rPh sb="8" eb="10">
      <t>ヘイヨウ</t>
    </rPh>
    <phoneticPr fontId="4"/>
  </si>
  <si>
    <t>少ない</t>
    <rPh sb="0" eb="1">
      <t>スク</t>
    </rPh>
    <phoneticPr fontId="4"/>
  </si>
  <si>
    <t>普通</t>
    <rPh sb="0" eb="2">
      <t>フツウ</t>
    </rPh>
    <phoneticPr fontId="4"/>
  </si>
  <si>
    <t>多い</t>
    <rPh sb="0" eb="1">
      <t>オオ</t>
    </rPh>
    <phoneticPr fontId="4"/>
  </si>
  <si>
    <t>高負荷/普通/低負荷から選択ください→</t>
    <rPh sb="0" eb="3">
      <t>コウフカ</t>
    </rPh>
    <rPh sb="4" eb="6">
      <t>フツウ</t>
    </rPh>
    <rPh sb="7" eb="10">
      <t>テイフカ</t>
    </rPh>
    <rPh sb="12" eb="14">
      <t>センタク</t>
    </rPh>
    <phoneticPr fontId="4"/>
  </si>
  <si>
    <t>高負荷</t>
    <rPh sb="0" eb="1">
      <t>コウ</t>
    </rPh>
    <rPh sb="1" eb="3">
      <t>フカ</t>
    </rPh>
    <phoneticPr fontId="4"/>
  </si>
  <si>
    <t>低負荷</t>
    <rPh sb="0" eb="1">
      <t>テイ</t>
    </rPh>
    <rPh sb="1" eb="3">
      <t>フカ</t>
    </rPh>
    <phoneticPr fontId="4"/>
  </si>
  <si>
    <t>少ない/普通/多いから選択ください→</t>
    <rPh sb="0" eb="1">
      <t>スク</t>
    </rPh>
    <rPh sb="4" eb="6">
      <t>フツウ</t>
    </rPh>
    <rPh sb="7" eb="8">
      <t>オオ</t>
    </rPh>
    <rPh sb="11" eb="13">
      <t>センタク</t>
    </rPh>
    <phoneticPr fontId="4"/>
  </si>
  <si>
    <t>扱いやすい/変わらない/扱いにくいから選択ください→</t>
    <rPh sb="0" eb="1">
      <t>アツカ</t>
    </rPh>
    <rPh sb="6" eb="7">
      <t>カ</t>
    </rPh>
    <rPh sb="12" eb="13">
      <t>アツカ</t>
    </rPh>
    <rPh sb="19" eb="21">
      <t>センタク</t>
    </rPh>
    <phoneticPr fontId="4"/>
  </si>
  <si>
    <t>扱いやすい</t>
    <rPh sb="0" eb="1">
      <t>アツカ</t>
    </rPh>
    <phoneticPr fontId="4"/>
  </si>
  <si>
    <t>変わらない</t>
    <rPh sb="0" eb="1">
      <t>カ</t>
    </rPh>
    <phoneticPr fontId="4"/>
  </si>
  <si>
    <t>扱いにくい</t>
    <rPh sb="0" eb="1">
      <t>アツカ</t>
    </rPh>
    <phoneticPr fontId="4"/>
  </si>
  <si>
    <t>m3</t>
    <phoneticPr fontId="4"/>
  </si>
  <si>
    <t>記入ください→</t>
    <rPh sb="0" eb="1">
      <t>キ</t>
    </rPh>
    <rPh sb="1" eb="2">
      <t>ニュウ</t>
    </rPh>
    <phoneticPr fontId="4"/>
  </si>
  <si>
    <t>高炉Coと比較した施工性</t>
    <rPh sb="0" eb="2">
      <t>コウロ</t>
    </rPh>
    <rPh sb="5" eb="7">
      <t>ヒカク</t>
    </rPh>
    <rPh sb="9" eb="12">
      <t>セコウセイ</t>
    </rPh>
    <phoneticPr fontId="4"/>
  </si>
  <si>
    <t>今回の工事で打設したFACoの量を教えてください。</t>
    <rPh sb="0" eb="2">
      <t>コンカイ</t>
    </rPh>
    <rPh sb="3" eb="5">
      <t>コウジ</t>
    </rPh>
    <rPh sb="6" eb="7">
      <t>ウ</t>
    </rPh>
    <rPh sb="7" eb="8">
      <t>セツ</t>
    </rPh>
    <rPh sb="15" eb="16">
      <t>リョウ</t>
    </rPh>
    <rPh sb="17" eb="18">
      <t>オシ</t>
    </rPh>
    <phoneticPr fontId="4"/>
  </si>
  <si>
    <t>●</t>
  </si>
  <si>
    <t>●</t>
    <phoneticPr fontId="4"/>
  </si>
  <si>
    <t>どのような打設方法で施工されましたか</t>
    <rPh sb="5" eb="6">
      <t>ダ</t>
    </rPh>
    <rPh sb="6" eb="7">
      <t>セツ</t>
    </rPh>
    <rPh sb="7" eb="9">
      <t>ホウホウ</t>
    </rPh>
    <rPh sb="10" eb="12">
      <t>セコウ</t>
    </rPh>
    <phoneticPr fontId="4"/>
  </si>
  <si>
    <t>ポンプ圧送性について、以下の項目の状況を教えてください。</t>
    <rPh sb="3" eb="4">
      <t>アッ</t>
    </rPh>
    <rPh sb="4" eb="5">
      <t>ソウ</t>
    </rPh>
    <rPh sb="5" eb="6">
      <t>セイ</t>
    </rPh>
    <rPh sb="11" eb="13">
      <t>イカ</t>
    </rPh>
    <rPh sb="14" eb="16">
      <t>コウモク</t>
    </rPh>
    <rPh sb="17" eb="19">
      <t>ジョウキョウ</t>
    </rPh>
    <rPh sb="20" eb="21">
      <t>オシ</t>
    </rPh>
    <phoneticPr fontId="4"/>
  </si>
  <si>
    <t>●</t>
    <phoneticPr fontId="4"/>
  </si>
  <si>
    <t>Co打設、仕上がり状況について、以下の項目の状況を教えてください。</t>
    <rPh sb="2" eb="3">
      <t>ダ</t>
    </rPh>
    <rPh sb="3" eb="4">
      <t>セツ</t>
    </rPh>
    <rPh sb="5" eb="7">
      <t>シアガ</t>
    </rPh>
    <rPh sb="9" eb="11">
      <t>ジョウキョウ</t>
    </rPh>
    <rPh sb="16" eb="18">
      <t>イカ</t>
    </rPh>
    <rPh sb="19" eb="21">
      <t>コウモク</t>
    </rPh>
    <rPh sb="22" eb="24">
      <t>ジョウキョウ</t>
    </rPh>
    <rPh sb="25" eb="26">
      <t>オシ</t>
    </rPh>
    <phoneticPr fontId="4"/>
  </si>
  <si>
    <t>FACoを購入したプラントを教えてください。</t>
    <rPh sb="5" eb="7">
      <t>コウニュウ</t>
    </rPh>
    <rPh sb="14" eb="15">
      <t>オシ</t>
    </rPh>
    <phoneticPr fontId="4"/>
  </si>
  <si>
    <t>いた/いなかった/不明から選択ください→</t>
    <rPh sb="9" eb="11">
      <t>フメイ</t>
    </rPh>
    <rPh sb="13" eb="15">
      <t>センタク</t>
    </rPh>
    <phoneticPr fontId="4"/>
  </si>
  <si>
    <t>現場全体として採算はとれましたか。</t>
    <rPh sb="0" eb="2">
      <t>ゲンバ</t>
    </rPh>
    <rPh sb="2" eb="4">
      <t>ゼンタイ</t>
    </rPh>
    <rPh sb="7" eb="9">
      <t>サイサン</t>
    </rPh>
    <phoneticPr fontId="4"/>
  </si>
  <si>
    <t>試行工事を実施されましたか。</t>
    <rPh sb="0" eb="2">
      <t>シコウ</t>
    </rPh>
    <rPh sb="2" eb="4">
      <t>コウジ</t>
    </rPh>
    <rPh sb="5" eb="7">
      <t>ジッシ</t>
    </rPh>
    <phoneticPr fontId="4"/>
  </si>
  <si>
    <t>実施した</t>
    <rPh sb="0" eb="2">
      <t>ジッシ</t>
    </rPh>
    <phoneticPr fontId="4"/>
  </si>
  <si>
    <t>実施しなかった</t>
    <rPh sb="0" eb="2">
      <t>ジッシ</t>
    </rPh>
    <phoneticPr fontId="4"/>
  </si>
  <si>
    <t>実施されなかった理由を教えてください。</t>
    <rPh sb="0" eb="2">
      <t>ジッシ</t>
    </rPh>
    <rPh sb="8" eb="10">
      <t>リユウ</t>
    </rPh>
    <rPh sb="11" eb="12">
      <t>オシ</t>
    </rPh>
    <phoneticPr fontId="4"/>
  </si>
  <si>
    <t>【１】</t>
    <phoneticPr fontId="4"/>
  </si>
  <si>
    <t>【２】</t>
    <phoneticPr fontId="4"/>
  </si>
  <si>
    <t>【３】</t>
    <phoneticPr fontId="4"/>
  </si>
  <si>
    <t>以下の変状の発生状況を教えてください。</t>
    <rPh sb="0" eb="2">
      <t>イカ</t>
    </rPh>
    <rPh sb="3" eb="4">
      <t>ヘン</t>
    </rPh>
    <rPh sb="4" eb="5">
      <t>ジョウ</t>
    </rPh>
    <rPh sb="6" eb="8">
      <t>ハッセイ</t>
    </rPh>
    <rPh sb="8" eb="10">
      <t>ジョウキョウ</t>
    </rPh>
    <rPh sb="11" eb="12">
      <t>オシ</t>
    </rPh>
    <phoneticPr fontId="4"/>
  </si>
  <si>
    <t>ひび割れ</t>
    <rPh sb="2" eb="3">
      <t>ワ</t>
    </rPh>
    <phoneticPr fontId="4"/>
  </si>
  <si>
    <t>黒ずみ・色むら</t>
    <rPh sb="0" eb="1">
      <t>クロ</t>
    </rPh>
    <rPh sb="4" eb="5">
      <t>イロ</t>
    </rPh>
    <phoneticPr fontId="4"/>
  </si>
  <si>
    <t>表面気泡</t>
    <rPh sb="0" eb="2">
      <t>ヒョウメン</t>
    </rPh>
    <rPh sb="2" eb="4">
      <t>キホウ</t>
    </rPh>
    <phoneticPr fontId="4"/>
  </si>
  <si>
    <t>脱型時に確認</t>
    <phoneticPr fontId="4"/>
  </si>
  <si>
    <t>発生せず</t>
  </si>
  <si>
    <t>発生せず</t>
    <phoneticPr fontId="4"/>
  </si>
  <si>
    <t>アンケートは終了です。ご協力ありがとうございました。</t>
    <phoneticPr fontId="4"/>
  </si>
  <si>
    <t>試行工事を実施されたかどうか、うかがいます。</t>
    <rPh sb="0" eb="2">
      <t>シコウ</t>
    </rPh>
    <rPh sb="2" eb="4">
      <t>コウジ</t>
    </rPh>
    <rPh sb="5" eb="7">
      <t>ジッシ</t>
    </rPh>
    <phoneticPr fontId="4"/>
  </si>
  <si>
    <t>今回施工したFACoの施工性について、うかがいます。</t>
    <rPh sb="0" eb="2">
      <t>コンカイ</t>
    </rPh>
    <rPh sb="2" eb="4">
      <t>セコウ</t>
    </rPh>
    <rPh sb="11" eb="14">
      <t>セコウセイ</t>
    </rPh>
    <phoneticPr fontId="4"/>
  </si>
  <si>
    <t>現場の運営等について、うかがいます。</t>
    <rPh sb="0" eb="2">
      <t>ゲンバ</t>
    </rPh>
    <rPh sb="3" eb="5">
      <t>ウンエイ</t>
    </rPh>
    <rPh sb="5" eb="6">
      <t>ナド</t>
    </rPh>
    <phoneticPr fontId="4"/>
  </si>
  <si>
    <t>いた</t>
    <phoneticPr fontId="4"/>
  </si>
  <si>
    <t>いなかった</t>
  </si>
  <si>
    <t>いなかった</t>
    <phoneticPr fontId="4"/>
  </si>
  <si>
    <t>不明</t>
    <rPh sb="0" eb="2">
      <t>フメイ</t>
    </rPh>
    <phoneticPr fontId="4"/>
  </si>
  <si>
    <t>多い/普通/少ないから選択ください→</t>
    <rPh sb="0" eb="1">
      <t>オオ</t>
    </rPh>
    <rPh sb="3" eb="5">
      <t>フツウ</t>
    </rPh>
    <rPh sb="6" eb="7">
      <t>スク</t>
    </rPh>
    <rPh sb="11" eb="13">
      <t>センタク</t>
    </rPh>
    <phoneticPr fontId="4"/>
  </si>
  <si>
    <t>赤字になった</t>
    <rPh sb="0" eb="2">
      <t>アカジ</t>
    </rPh>
    <phoneticPr fontId="4"/>
  </si>
  <si>
    <t>【５】</t>
    <phoneticPr fontId="4"/>
  </si>
  <si>
    <t>練混から荷卸までのおよその経過時間を教えてください。</t>
    <rPh sb="13" eb="15">
      <t>ケイカ</t>
    </rPh>
    <rPh sb="15" eb="17">
      <t>ジカン</t>
    </rPh>
    <rPh sb="18" eb="19">
      <t>オシ</t>
    </rPh>
    <phoneticPr fontId="4"/>
  </si>
  <si>
    <t>分</t>
    <rPh sb="0" eb="1">
      <t>フン</t>
    </rPh>
    <phoneticPr fontId="4"/>
  </si>
  <si>
    <t>黒字が出た</t>
    <rPh sb="0" eb="2">
      <t>クロジ</t>
    </rPh>
    <rPh sb="3" eb="4">
      <t>デ</t>
    </rPh>
    <phoneticPr fontId="4"/>
  </si>
  <si>
    <t>黒字が出た/赤字になったから選択ください→</t>
    <rPh sb="0" eb="2">
      <t>クロジ</t>
    </rPh>
    <rPh sb="3" eb="4">
      <t>デ</t>
    </rPh>
    <rPh sb="6" eb="8">
      <t>アカジ</t>
    </rPh>
    <rPh sb="14" eb="16">
      <t>センタク</t>
    </rPh>
    <phoneticPr fontId="4"/>
  </si>
  <si>
    <r>
      <rPr>
        <u/>
        <sz val="10"/>
        <rFont val="HG丸ｺﾞｼｯｸM-PRO"/>
        <family val="3"/>
        <charset val="128"/>
      </rPr>
      <t>整数</t>
    </r>
    <r>
      <rPr>
        <sz val="10"/>
        <rFont val="HG丸ｺﾞｼｯｸM-PRO"/>
        <family val="3"/>
        <charset val="128"/>
      </rPr>
      <t>で記入ください→</t>
    </r>
    <rPh sb="0" eb="2">
      <t>セイスウ</t>
    </rPh>
    <rPh sb="3" eb="4">
      <t>キ</t>
    </rPh>
    <rPh sb="4" eb="5">
      <t>ニュウ</t>
    </rPh>
    <phoneticPr fontId="4"/>
  </si>
  <si>
    <t>その他ご意見・ご感想等があれば、教えてください。</t>
    <rPh sb="2" eb="3">
      <t>タ</t>
    </rPh>
    <rPh sb="4" eb="6">
      <t>イケン</t>
    </rPh>
    <rPh sb="8" eb="10">
      <t>カンソウ</t>
    </rPh>
    <rPh sb="10" eb="11">
      <t>ナド</t>
    </rPh>
    <rPh sb="16" eb="17">
      <t>オシ</t>
    </rPh>
    <phoneticPr fontId="4"/>
  </si>
  <si>
    <t>現場代理人</t>
    <rPh sb="0" eb="2">
      <t>ゲンバ</t>
    </rPh>
    <rPh sb="2" eb="5">
      <t>ダイリニン</t>
    </rPh>
    <phoneticPr fontId="4"/>
  </si>
  <si>
    <t>主任技術者</t>
    <rPh sb="0" eb="2">
      <t>シュニン</t>
    </rPh>
    <rPh sb="2" eb="5">
      <t>ギジュツシャ</t>
    </rPh>
    <phoneticPr fontId="4"/>
  </si>
  <si>
    <t>現場代理人かつ主任技術者</t>
    <rPh sb="0" eb="2">
      <t>ゲンバ</t>
    </rPh>
    <rPh sb="2" eb="5">
      <t>ダイリニン</t>
    </rPh>
    <rPh sb="7" eb="9">
      <t>シュニン</t>
    </rPh>
    <rPh sb="9" eb="12">
      <t>ギジュツシャ</t>
    </rPh>
    <phoneticPr fontId="4"/>
  </si>
  <si>
    <t>高炉Coと比較して気づいた点があれば教えてください。</t>
    <rPh sb="0" eb="2">
      <t>コウロ</t>
    </rPh>
    <rPh sb="5" eb="7">
      <t>ヒカク</t>
    </rPh>
    <rPh sb="9" eb="10">
      <t>キ</t>
    </rPh>
    <rPh sb="13" eb="14">
      <t>テン</t>
    </rPh>
    <rPh sb="18" eb="19">
      <t>オシ</t>
    </rPh>
    <phoneticPr fontId="4"/>
  </si>
  <si>
    <t>あった/なかったから選択ください→</t>
    <rPh sb="10" eb="12">
      <t>センタク</t>
    </rPh>
    <phoneticPr fontId="4"/>
  </si>
  <si>
    <t>あった</t>
  </si>
  <si>
    <t>あった</t>
    <phoneticPr fontId="4"/>
  </si>
  <si>
    <t>なかった</t>
    <phoneticPr fontId="4"/>
  </si>
  <si>
    <t>（この回答を記入いただいている方以外の方で、）FACoの施工経験がある作業員はいましたか。</t>
    <rPh sb="3" eb="5">
      <t>カイトウ</t>
    </rPh>
    <rPh sb="6" eb="8">
      <t>キニュウ</t>
    </rPh>
    <rPh sb="15" eb="16">
      <t>カタ</t>
    </rPh>
    <rPh sb="16" eb="18">
      <t>イガイ</t>
    </rPh>
    <rPh sb="19" eb="20">
      <t>カタ</t>
    </rPh>
    <rPh sb="28" eb="30">
      <t>セコウ</t>
    </rPh>
    <rPh sb="30" eb="32">
      <t>ケイケン</t>
    </rPh>
    <rPh sb="35" eb="37">
      <t>サギョウ</t>
    </rPh>
    <rPh sb="37" eb="38">
      <t>イン</t>
    </rPh>
    <phoneticPr fontId="4"/>
  </si>
  <si>
    <t>※ひび割れ・黒ずみ・色むらや顕著な表面気泡が確認された場合、提出する工事写真に、状況がわかる</t>
    <rPh sb="3" eb="4">
      <t>ワ</t>
    </rPh>
    <rPh sb="6" eb="7">
      <t>クロ</t>
    </rPh>
    <rPh sb="10" eb="11">
      <t>イロ</t>
    </rPh>
    <rPh sb="14" eb="16">
      <t>ケンチョ</t>
    </rPh>
    <rPh sb="17" eb="19">
      <t>ヒョウメン</t>
    </rPh>
    <rPh sb="19" eb="21">
      <t>キホウ</t>
    </rPh>
    <rPh sb="22" eb="24">
      <t>カクニン</t>
    </rPh>
    <rPh sb="27" eb="29">
      <t>バアイ</t>
    </rPh>
    <phoneticPr fontId="4"/>
  </si>
  <si>
    <t>　ものを添付してください。</t>
    <phoneticPr fontId="4"/>
  </si>
  <si>
    <r>
      <t>※打設方法が、</t>
    </r>
    <r>
      <rPr>
        <u/>
        <sz val="10"/>
        <rFont val="HG丸ｺﾞｼｯｸM-PRO"/>
        <family val="3"/>
        <charset val="128"/>
      </rPr>
      <t>ポンプ、クレーン（ポンプ併用）以外である場合、以下１～４は回答不要</t>
    </r>
    <r>
      <rPr>
        <sz val="10"/>
        <rFont val="HG丸ｺﾞｼｯｸM-PRO"/>
        <family val="3"/>
        <charset val="128"/>
      </rPr>
      <t>です。</t>
    </r>
    <rPh sb="1" eb="2">
      <t>ダ</t>
    </rPh>
    <rPh sb="2" eb="3">
      <t>セツ</t>
    </rPh>
    <rPh sb="3" eb="5">
      <t>ホウホウ</t>
    </rPh>
    <rPh sb="19" eb="21">
      <t>ヘイヨウ</t>
    </rPh>
    <rPh sb="22" eb="24">
      <t>イガイ</t>
    </rPh>
    <rPh sb="27" eb="29">
      <t>バアイ</t>
    </rPh>
    <rPh sb="30" eb="32">
      <t>イカ</t>
    </rPh>
    <rPh sb="36" eb="38">
      <t>カイトウ</t>
    </rPh>
    <rPh sb="38" eb="40">
      <t>フヨウ</t>
    </rPh>
    <phoneticPr fontId="4"/>
  </si>
  <si>
    <t>（その他必要に応じて写真を添付ください）</t>
    <rPh sb="3" eb="4">
      <t>タ</t>
    </rPh>
    <rPh sb="4" eb="6">
      <t>ヒツヨウ</t>
    </rPh>
    <rPh sb="7" eb="8">
      <t>オウ</t>
    </rPh>
    <rPh sb="10" eb="12">
      <t>シャシン</t>
    </rPh>
    <rPh sb="13" eb="15">
      <t>テンプ</t>
    </rPh>
    <phoneticPr fontId="4"/>
  </si>
  <si>
    <t>（必要に応じて写真を添付ください）</t>
    <rPh sb="1" eb="3">
      <t>ヒツヨウ</t>
    </rPh>
    <rPh sb="4" eb="5">
      <t>オウ</t>
    </rPh>
    <rPh sb="7" eb="9">
      <t>シャシン</t>
    </rPh>
    <rPh sb="10" eb="12">
      <t>テンプ</t>
    </rPh>
    <phoneticPr fontId="4"/>
  </si>
  <si>
    <t>フライアッシュ試行工事に関するアンケート（まとめシート）</t>
    <rPh sb="7" eb="9">
      <t>シコウ</t>
    </rPh>
    <rPh sb="9" eb="11">
      <t>コウジ</t>
    </rPh>
    <rPh sb="12" eb="13">
      <t>カン</t>
    </rPh>
    <phoneticPr fontId="4"/>
  </si>
  <si>
    <t>○○建設工業（株）</t>
    <rPh sb="2" eb="4">
      <t>ケンセツ</t>
    </rPh>
    <rPh sb="4" eb="6">
      <t>コウギョウ</t>
    </rPh>
    <rPh sb="7" eb="8">
      <t>カブ</t>
    </rPh>
    <phoneticPr fontId="4"/>
  </si>
  <si>
    <t>○○生コン</t>
    <rPh sb="2" eb="3">
      <t>ナマ</t>
    </rPh>
    <phoneticPr fontId="4"/>
  </si>
  <si>
    <t>主要地方道○○××線擁壁工工事</t>
    <rPh sb="0" eb="2">
      <t>シュヨウ</t>
    </rPh>
    <rPh sb="2" eb="4">
      <t>チホウ</t>
    </rPh>
    <rPh sb="4" eb="5">
      <t>ドウ</t>
    </rPh>
    <rPh sb="9" eb="10">
      <t>セン</t>
    </rPh>
    <rPh sb="10" eb="11">
      <t>ヨウ</t>
    </rPh>
    <rPh sb="11" eb="12">
      <t>ヘキ</t>
    </rPh>
    <rPh sb="12" eb="13">
      <t>コウ</t>
    </rPh>
    <rPh sb="13" eb="15">
      <t>コウジ</t>
    </rPh>
    <phoneticPr fontId="4"/>
  </si>
  <si>
    <t>削除予定</t>
    <rPh sb="0" eb="2">
      <t>サクジョ</t>
    </rPh>
    <rPh sb="2" eb="4">
      <t>ヨテイ</t>
    </rPh>
    <phoneticPr fontId="4"/>
  </si>
  <si>
    <t>N</t>
    <phoneticPr fontId="4"/>
  </si>
  <si>
    <t>E</t>
    <phoneticPr fontId="4"/>
  </si>
  <si>
    <r>
      <t>硬化後のCo外観について、うかがいます。　</t>
    </r>
    <r>
      <rPr>
        <u/>
        <sz val="10.5"/>
        <rFont val="HG丸ｺﾞｼｯｸM-PRO"/>
        <family val="3"/>
        <charset val="128"/>
      </rPr>
      <t/>
    </r>
    <rPh sb="0" eb="2">
      <t>コウカ</t>
    </rPh>
    <rPh sb="2" eb="3">
      <t>ゴ</t>
    </rPh>
    <rPh sb="6" eb="8">
      <t>ガイカン</t>
    </rPh>
    <phoneticPr fontId="4"/>
  </si>
  <si>
    <t>受注者名（企業名）</t>
    <rPh sb="0" eb="3">
      <t>ジュチュウシャ</t>
    </rPh>
    <rPh sb="3" eb="4">
      <t>メイ</t>
    </rPh>
    <rPh sb="5" eb="7">
      <t>キギョウ</t>
    </rPh>
    <rPh sb="7" eb="8">
      <t>メイ</t>
    </rPh>
    <phoneticPr fontId="4"/>
  </si>
  <si>
    <t>【アンケート回答にあたっての注意事項】</t>
    <rPh sb="6" eb="8">
      <t>カイトウ</t>
    </rPh>
    <rPh sb="14" eb="16">
      <t>チュウイ</t>
    </rPh>
    <rPh sb="16" eb="18">
      <t>ジコウ</t>
    </rPh>
    <phoneticPr fontId="4"/>
  </si>
  <si>
    <t>監督員と主に打合せを実施した「現場代理人」または「主任技術者」の方がご記入ください。</t>
    <phoneticPr fontId="4"/>
  </si>
  <si>
    <t>工事の概要について、うかがいます。</t>
    <rPh sb="0" eb="2">
      <t>コウジ</t>
    </rPh>
    <rPh sb="3" eb="5">
      <t>ガイヨウ</t>
    </rPh>
    <phoneticPr fontId="4"/>
  </si>
  <si>
    <t>【２】</t>
    <phoneticPr fontId="4"/>
  </si>
  <si>
    <t>【３】</t>
    <phoneticPr fontId="4"/>
  </si>
  <si>
    <t>【４】</t>
    <phoneticPr fontId="4"/>
  </si>
  <si>
    <t>【５】</t>
    <phoneticPr fontId="4"/>
  </si>
  <si>
    <t>【６】</t>
    <phoneticPr fontId="4"/>
  </si>
  <si>
    <t>（印刷したものは提出しないでください）</t>
    <rPh sb="8" eb="10">
      <t>テイシュツ</t>
    </rPh>
    <phoneticPr fontId="4"/>
  </si>
  <si>
    <r>
      <t>問【４】回答にあたっては、</t>
    </r>
    <r>
      <rPr>
        <sz val="11"/>
        <color rgb="FFFF0000"/>
        <rFont val="HG丸ｺﾞｼｯｸM-PRO"/>
        <family val="3"/>
        <charset val="128"/>
      </rPr>
      <t>脱型時・完成写真撮影時の２回調査</t>
    </r>
    <r>
      <rPr>
        <sz val="11"/>
        <rFont val="HG丸ｺﾞｼｯｸM-PRO"/>
        <family val="3"/>
        <charset val="128"/>
      </rPr>
      <t>を行ってください。</t>
    </r>
    <phoneticPr fontId="4"/>
  </si>
  <si>
    <r>
      <t>回答したアンケートは、監督員にメールで提出するとともに、</t>
    </r>
    <r>
      <rPr>
        <sz val="11"/>
        <color rgb="FFFF0000"/>
        <rFont val="HG丸ｺﾞｼｯｸM-PRO"/>
        <family val="3"/>
        <charset val="128"/>
      </rPr>
      <t>電子納品の対象としてください。</t>
    </r>
    <phoneticPr fontId="4"/>
  </si>
  <si>
    <t>下記事項について、空欄に必要事項を記入ください。</t>
    <rPh sb="0" eb="2">
      <t>カキ</t>
    </rPh>
    <rPh sb="2" eb="4">
      <t>ジコウ</t>
    </rPh>
    <rPh sb="9" eb="11">
      <t>クウラン</t>
    </rPh>
    <rPh sb="12" eb="14">
      <t>ヒツヨウ</t>
    </rPh>
    <rPh sb="14" eb="16">
      <t>ジコウ</t>
    </rPh>
    <rPh sb="17" eb="19">
      <t>キニュウ</t>
    </rPh>
    <phoneticPr fontId="4"/>
  </si>
  <si>
    <t>※実施された場合は、この項目は回答不要です。</t>
    <phoneticPr fontId="4"/>
  </si>
  <si>
    <t>試行工事を実施されなかった場合も、問【１】～【２】を回答してください。</t>
    <rPh sb="0" eb="2">
      <t>シコウ</t>
    </rPh>
    <rPh sb="2" eb="4">
      <t>コウジ</t>
    </rPh>
    <rPh sb="5" eb="7">
      <t>ジッシ</t>
    </rPh>
    <rPh sb="13" eb="15">
      <t>バアイ</t>
    </rPh>
    <rPh sb="17" eb="18">
      <t>トイ</t>
    </rPh>
    <rPh sb="26" eb="28">
      <t>カイトウ</t>
    </rPh>
    <phoneticPr fontId="4"/>
  </si>
  <si>
    <t>完成写真撮影時に確認</t>
    <rPh sb="0" eb="2">
      <t>カンセイ</t>
    </rPh>
    <rPh sb="2" eb="4">
      <t>シャシン</t>
    </rPh>
    <rPh sb="4" eb="6">
      <t>サツエイ</t>
    </rPh>
    <rPh sb="6" eb="7">
      <t>ジ</t>
    </rPh>
    <phoneticPr fontId="4"/>
  </si>
  <si>
    <t>脱型時に確認/完成写真撮影時に確認/発生せずから選択ください→</t>
    <rPh sb="24" eb="26">
      <t>センタク</t>
    </rPh>
    <phoneticPr fontId="4"/>
  </si>
  <si>
    <t>工事箇所　※</t>
    <rPh sb="0" eb="2">
      <t>コウジ</t>
    </rPh>
    <rPh sb="2" eb="4">
      <t>カショ</t>
    </rPh>
    <phoneticPr fontId="4"/>
  </si>
  <si>
    <t>※工事個所については、コリンズに登録した座標を記入してください。</t>
    <rPh sb="20" eb="22">
      <t>ザヒョウ</t>
    </rPh>
    <phoneticPr fontId="4"/>
  </si>
  <si>
    <t>この回答を記入いただいている方にうかがします。今回の工事以前にFACoを施工したことがありましたか。</t>
    <rPh sb="2" eb="4">
      <t>カイトウ</t>
    </rPh>
    <rPh sb="5" eb="7">
      <t>キニュウ</t>
    </rPh>
    <rPh sb="14" eb="15">
      <t>カタ</t>
    </rPh>
    <rPh sb="23" eb="25">
      <t>コンカイ</t>
    </rPh>
    <rPh sb="26" eb="28">
      <t>コウジ</t>
    </rPh>
    <rPh sb="28" eb="30">
      <t>イゼン</t>
    </rPh>
    <rPh sb="36" eb="38">
      <t>セコウ</t>
    </rPh>
    <phoneticPr fontId="4"/>
  </si>
  <si>
    <t>調査を行った日を教えてください。</t>
    <rPh sb="0" eb="2">
      <t>チョウサ</t>
    </rPh>
    <rPh sb="3" eb="4">
      <t>オコナ</t>
    </rPh>
    <rPh sb="6" eb="7">
      <t>ヒ</t>
    </rPh>
    <rPh sb="8" eb="9">
      <t>オシ</t>
    </rPh>
    <phoneticPr fontId="4"/>
  </si>
  <si>
    <t>脱型時の調査を行った日</t>
    <rPh sb="0" eb="1">
      <t>ダツ</t>
    </rPh>
    <rPh sb="1" eb="2">
      <t>カタ</t>
    </rPh>
    <rPh sb="2" eb="3">
      <t>ジ</t>
    </rPh>
    <rPh sb="4" eb="6">
      <t>チョウサ</t>
    </rPh>
    <rPh sb="7" eb="8">
      <t>オコナ</t>
    </rPh>
    <rPh sb="10" eb="11">
      <t>ヒ</t>
    </rPh>
    <phoneticPr fontId="4"/>
  </si>
  <si>
    <t>完成写真撮影時の調査を行った日</t>
    <rPh sb="0" eb="2">
      <t>カンセイ</t>
    </rPh>
    <rPh sb="2" eb="4">
      <t>シャシン</t>
    </rPh>
    <rPh sb="4" eb="6">
      <t>サツエイ</t>
    </rPh>
    <rPh sb="6" eb="7">
      <t>ジ</t>
    </rPh>
    <rPh sb="8" eb="10">
      <t>チョウサ</t>
    </rPh>
    <rPh sb="11" eb="12">
      <t>オコナ</t>
    </rPh>
    <rPh sb="14" eb="15">
      <t>ヒ</t>
    </rPh>
    <phoneticPr fontId="4"/>
  </si>
  <si>
    <t>西暦で記入ください→</t>
    <rPh sb="0" eb="2">
      <t>セイレキ</t>
    </rPh>
    <rPh sb="3" eb="5">
      <t>キニュウ</t>
    </rPh>
    <phoneticPr fontId="4"/>
  </si>
  <si>
    <t>【７】</t>
    <phoneticPr fontId="4"/>
  </si>
  <si>
    <t>別シート「工事写真」に必要な施工状況写真を貼り付けてください。</t>
    <rPh sb="0" eb="1">
      <t>ベツ</t>
    </rPh>
    <rPh sb="5" eb="7">
      <t>コウジ</t>
    </rPh>
    <rPh sb="7" eb="9">
      <t>シャシン</t>
    </rPh>
    <rPh sb="11" eb="13">
      <t>ヒツヨウ</t>
    </rPh>
    <rPh sb="14" eb="16">
      <t>セコウ</t>
    </rPh>
    <rPh sb="16" eb="18">
      <t>ジョウキョウ</t>
    </rPh>
    <rPh sb="18" eb="20">
      <t>シャシン</t>
    </rPh>
    <rPh sb="21" eb="22">
      <t>ハ</t>
    </rPh>
    <rPh sb="23" eb="24">
      <t>ツ</t>
    </rPh>
    <phoneticPr fontId="4"/>
  </si>
  <si>
    <r>
      <rPr>
        <sz val="9"/>
        <color rgb="FFFF0000"/>
        <rFont val="ＭＳ Ｐゴシック"/>
        <family val="3"/>
        <charset val="128"/>
      </rPr>
      <t>完成写真撮影時</t>
    </r>
    <r>
      <rPr>
        <sz val="9"/>
        <rFont val="ＭＳ Ｐゴシック"/>
        <family val="3"/>
        <charset val="128"/>
      </rPr>
      <t>構造物状況</t>
    </r>
    <rPh sb="0" eb="2">
      <t>カンセイ</t>
    </rPh>
    <rPh sb="2" eb="4">
      <t>シャシン</t>
    </rPh>
    <rPh sb="4" eb="6">
      <t>サツエイ</t>
    </rPh>
    <rPh sb="6" eb="7">
      <t>ジ</t>
    </rPh>
    <rPh sb="7" eb="10">
      <t>コウゾウブツ</t>
    </rPh>
    <rPh sb="10" eb="12">
      <t>ジョウキョウ</t>
    </rPh>
    <phoneticPr fontId="19"/>
  </si>
  <si>
    <r>
      <rPr>
        <sz val="9"/>
        <color rgb="FFFF0000"/>
        <rFont val="ＭＳ Ｐゴシック"/>
        <family val="3"/>
        <charset val="128"/>
      </rPr>
      <t>脱型直後</t>
    </r>
    <r>
      <rPr>
        <sz val="9"/>
        <rFont val="ＭＳ Ｐゴシック"/>
        <family val="3"/>
        <charset val="128"/>
      </rPr>
      <t>構造物状況</t>
    </r>
    <rPh sb="0" eb="1">
      <t>ダツ</t>
    </rPh>
    <rPh sb="1" eb="2">
      <t>カタ</t>
    </rPh>
    <rPh sb="2" eb="3">
      <t>チョク</t>
    </rPh>
    <rPh sb="3" eb="4">
      <t>ゴ</t>
    </rPh>
    <rPh sb="4" eb="7">
      <t>コウゾウブツ</t>
    </rPh>
    <rPh sb="7" eb="9">
      <t>ジョウキョウ</t>
    </rPh>
    <phoneticPr fontId="17"/>
  </si>
  <si>
    <r>
      <t>※</t>
    </r>
    <r>
      <rPr>
        <u/>
        <sz val="11"/>
        <rFont val="HG丸ｺﾞｼｯｸM-PRO"/>
        <family val="3"/>
        <charset val="128"/>
      </rPr>
      <t>試行工事を実施されなかった場合は、アンケートはここで終了です。</t>
    </r>
    <r>
      <rPr>
        <sz val="11"/>
        <rFont val="HG丸ｺﾞｼｯｸM-PRO"/>
        <family val="3"/>
        <charset val="128"/>
      </rPr>
      <t>ご協力ありがとうございました。</t>
    </r>
    <rPh sb="1" eb="3">
      <t>シコウ</t>
    </rPh>
    <rPh sb="3" eb="5">
      <t>コウジ</t>
    </rPh>
    <rPh sb="6" eb="8">
      <t>ジッシ</t>
    </rPh>
    <rPh sb="14" eb="16">
      <t>バアイ</t>
    </rPh>
    <rPh sb="27" eb="29">
      <t>シュウリョウ</t>
    </rPh>
    <rPh sb="33" eb="35">
      <t>キョウリョク</t>
    </rPh>
    <phoneticPr fontId="4"/>
  </si>
  <si>
    <t>施工が複数日、複数個所に及ぶ場合は、それぞれの項目について、代表的な写真１枚のみ添付としてください。</t>
    <rPh sb="0" eb="2">
      <t>セコウ</t>
    </rPh>
    <rPh sb="3" eb="5">
      <t>フクスウ</t>
    </rPh>
    <rPh sb="5" eb="6">
      <t>ビ</t>
    </rPh>
    <rPh sb="7" eb="9">
      <t>フクスウ</t>
    </rPh>
    <rPh sb="9" eb="11">
      <t>カショ</t>
    </rPh>
    <rPh sb="12" eb="13">
      <t>オヨ</t>
    </rPh>
    <rPh sb="14" eb="16">
      <t>バアイ</t>
    </rPh>
    <rPh sb="23" eb="25">
      <t>コウモク</t>
    </rPh>
    <rPh sb="30" eb="33">
      <t>ダイヒョウテキ</t>
    </rPh>
    <rPh sb="34" eb="36">
      <t>シャシン</t>
    </rPh>
    <rPh sb="37" eb="38">
      <t>マイ</t>
    </rPh>
    <rPh sb="40" eb="42">
      <t>テンプ</t>
    </rPh>
    <phoneticPr fontId="4"/>
  </si>
  <si>
    <t>○○○○</t>
  </si>
  <si>
    <t>特になし</t>
    <rPh sb="0" eb="1">
      <t>トク</t>
    </rPh>
    <phoneticPr fontId="4"/>
  </si>
  <si>
    <t>粘り気が強いと感じる</t>
    <rPh sb="0" eb="1">
      <t>ネバ</t>
    </rPh>
    <rPh sb="2" eb="3">
      <t>ケ</t>
    </rPh>
    <rPh sb="4" eb="5">
      <t>ツヨ</t>
    </rPh>
    <rPh sb="7" eb="8">
      <t>カン</t>
    </rPh>
    <phoneticPr fontId="4"/>
  </si>
  <si>
    <t>【記入例】</t>
    <rPh sb="1" eb="2">
      <t>キ</t>
    </rPh>
    <rPh sb="2" eb="3">
      <t>ニュウ</t>
    </rPh>
    <rPh sb="3" eb="4">
      <t>レイ</t>
    </rPh>
    <phoneticPr fontId="4"/>
  </si>
  <si>
    <t>受注者名（企業名）</t>
  </si>
  <si>
    <t>【２】試行工事を実施されたかどうか、うかがいます</t>
    <rPh sb="3" eb="5">
      <t>シコウ</t>
    </rPh>
    <rPh sb="5" eb="7">
      <t>コウジ</t>
    </rPh>
    <rPh sb="8" eb="10">
      <t>ジッシ</t>
    </rPh>
    <phoneticPr fontId="12"/>
  </si>
  <si>
    <t>【３】今回施工したFACoの施工性について、うかがいます。</t>
    <phoneticPr fontId="4"/>
  </si>
  <si>
    <t>【５】現場の運営等について、うかがいます。</t>
    <phoneticPr fontId="4"/>
  </si>
  <si>
    <t>【６】その他ご意見・ご感想等があれば、教えてください。</t>
    <phoneticPr fontId="4"/>
  </si>
  <si>
    <t>【１】</t>
    <phoneticPr fontId="4"/>
  </si>
  <si>
    <t>【１】工事の概要について、うかがいます。</t>
    <phoneticPr fontId="4"/>
  </si>
  <si>
    <t>【４】硬化後のCo外観について、うかがいます。</t>
    <phoneticPr fontId="4"/>
  </si>
  <si>
    <t>フライアッシュコンクリート試行工事に関するアンケート</t>
    <rPh sb="13" eb="15">
      <t>シコウ</t>
    </rPh>
    <rPh sb="15" eb="17">
      <t>コウジ</t>
    </rPh>
    <rPh sb="18" eb="19">
      <t>カン</t>
    </rPh>
    <phoneticPr fontId="4"/>
  </si>
  <si>
    <r>
      <t>回答したアンケートは、監督員にメール(</t>
    </r>
    <r>
      <rPr>
        <sz val="11"/>
        <color rgb="FFFF0000"/>
        <rFont val="HG丸ｺﾞｼｯｸM-PRO"/>
        <family val="3"/>
        <charset val="128"/>
      </rPr>
      <t>エクセル様式</t>
    </r>
    <r>
      <rPr>
        <sz val="11"/>
        <rFont val="HG丸ｺﾞｼｯｸM-PRO"/>
        <family val="3"/>
        <charset val="128"/>
      </rPr>
      <t>)で提出し、</t>
    </r>
    <r>
      <rPr>
        <sz val="11"/>
        <color rgb="FFFF0000"/>
        <rFont val="HG丸ｺﾞｼｯｸM-PRO"/>
        <family val="3"/>
        <charset val="128"/>
      </rPr>
      <t>電子納品の対象としてください。</t>
    </r>
    <rPh sb="23" eb="25">
      <t>ヨウシ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&quot;(&quot;General&quot;)&quot;"/>
    <numFmt numFmtId="177" formatCode="[$-411]ge\.m\.d;@"/>
  </numFmts>
  <fonts count="51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HG丸ｺﾞｼｯｸM-PRO"/>
      <family val="3"/>
      <charset val="128"/>
    </font>
    <font>
      <sz val="6"/>
      <name val="ＭＳ Ｐゴシック"/>
      <family val="3"/>
      <charset val="128"/>
    </font>
    <font>
      <b/>
      <sz val="16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.5"/>
      <name val="HG丸ｺﾞｼｯｸM-PRO"/>
      <family val="3"/>
      <charset val="128"/>
    </font>
    <font>
      <sz val="10.5"/>
      <color rgb="FFFF0000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6"/>
      <name val="HGS創英角ｺﾞｼｯｸUB"/>
      <family val="3"/>
      <charset val="128"/>
    </font>
    <font>
      <sz val="11"/>
      <name val="ＭＳ Ｐ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u/>
      <sz val="12"/>
      <name val="HG丸ｺﾞｼｯｸM-PRO"/>
      <family val="3"/>
      <charset val="128"/>
    </font>
    <font>
      <u/>
      <sz val="11"/>
      <name val="HG丸ｺﾞｼｯｸM-PRO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u/>
      <sz val="10"/>
      <name val="HG丸ｺﾞｼｯｸM-PRO"/>
      <family val="3"/>
      <charset val="128"/>
    </font>
    <font>
      <sz val="12"/>
      <name val="HG丸ｺﾞｼｯｸM-PRO"/>
      <family val="3"/>
      <charset val="128"/>
    </font>
    <font>
      <u/>
      <sz val="10.5"/>
      <name val="HG丸ｺﾞｼｯｸM-PRO"/>
      <family val="3"/>
      <charset val="128"/>
    </font>
    <font>
      <sz val="9"/>
      <color rgb="FFFF0000"/>
      <name val="ＭＳ Ｐゴシック"/>
      <family val="3"/>
      <charset val="128"/>
    </font>
    <font>
      <sz val="10"/>
      <name val="HG創英角ｺﾞｼｯｸUB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u/>
      <sz val="13"/>
      <color indexed="12"/>
      <name val="HG創英角ｺﾞｼｯｸUB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11"/>
      <color rgb="FFFF000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</fonts>
  <fills count="29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1" tint="0.34998626667073579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</borders>
  <cellStyleXfs count="137">
    <xf numFmtId="0" fontId="0" fillId="0" borderId="0"/>
    <xf numFmtId="9" fontId="11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5" fillId="0" borderId="0"/>
    <xf numFmtId="0" fontId="18" fillId="0" borderId="0"/>
    <xf numFmtId="38" fontId="11" fillId="0" borderId="0" applyFont="0" applyFill="0" applyBorder="0" applyAlignment="0" applyProtection="0"/>
    <xf numFmtId="0" fontId="15" fillId="0" borderId="0"/>
    <xf numFmtId="0" fontId="11" fillId="0" borderId="0">
      <alignment vertical="center"/>
    </xf>
    <xf numFmtId="0" fontId="25" fillId="6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6" fillId="16" borderId="0" applyNumberFormat="0" applyBorder="0" applyAlignment="0" applyProtection="0">
      <alignment vertical="center"/>
    </xf>
    <xf numFmtId="177" fontId="26" fillId="16" borderId="0" applyNumberFormat="0" applyBorder="0" applyAlignment="0" applyProtection="0">
      <alignment vertical="center"/>
    </xf>
    <xf numFmtId="0" fontId="26" fillId="13" borderId="0" applyNumberFormat="0" applyBorder="0" applyAlignment="0" applyProtection="0">
      <alignment vertical="center"/>
    </xf>
    <xf numFmtId="177" fontId="26" fillId="13" borderId="0" applyNumberFormat="0" applyBorder="0" applyAlignment="0" applyProtection="0">
      <alignment vertical="center"/>
    </xf>
    <xf numFmtId="0" fontId="26" fillId="14" borderId="0" applyNumberFormat="0" applyBorder="0" applyAlignment="0" applyProtection="0">
      <alignment vertical="center"/>
    </xf>
    <xf numFmtId="177" fontId="26" fillId="14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177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177" fontId="26" fillId="18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177" fontId="26" fillId="19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177" fontId="26" fillId="20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177" fontId="26" fillId="21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177" fontId="26" fillId="22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177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177" fontId="26" fillId="18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177" fontId="26" fillId="23" borderId="0" applyNumberFormat="0" applyBorder="0" applyAlignment="0" applyProtection="0">
      <alignment vertical="center"/>
    </xf>
    <xf numFmtId="0" fontId="27" fillId="0" borderId="0" applyNumberFormat="0" applyFill="0" applyBorder="0" applyAlignment="0" applyProtection="0">
      <alignment vertical="center"/>
    </xf>
    <xf numFmtId="177" fontId="27" fillId="0" borderId="0" applyNumberFormat="0" applyFill="0" applyBorder="0" applyAlignment="0" applyProtection="0">
      <alignment vertical="center"/>
    </xf>
    <xf numFmtId="0" fontId="28" fillId="24" borderId="16" applyNumberFormat="0" applyAlignment="0" applyProtection="0">
      <alignment vertical="center"/>
    </xf>
    <xf numFmtId="177" fontId="28" fillId="24" borderId="16" applyNumberFormat="0" applyAlignment="0" applyProtection="0">
      <alignment vertical="center"/>
    </xf>
    <xf numFmtId="0" fontId="29" fillId="25" borderId="0" applyNumberFormat="0" applyBorder="0" applyAlignment="0" applyProtection="0">
      <alignment vertical="center"/>
    </xf>
    <xf numFmtId="177" fontId="29" fillId="25" borderId="0" applyNumberFormat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top"/>
      <protection locked="0"/>
    </xf>
    <xf numFmtId="0" fontId="24" fillId="26" borderId="17" applyNumberFormat="0" applyFont="0" applyAlignment="0" applyProtection="0">
      <alignment vertical="center"/>
    </xf>
    <xf numFmtId="177" fontId="24" fillId="26" borderId="17" applyNumberFormat="0" applyFont="0" applyAlignment="0" applyProtection="0">
      <alignment vertical="center"/>
    </xf>
    <xf numFmtId="0" fontId="31" fillId="0" borderId="18" applyNumberFormat="0" applyFill="0" applyAlignment="0" applyProtection="0">
      <alignment vertical="center"/>
    </xf>
    <xf numFmtId="177" fontId="31" fillId="0" borderId="18" applyNumberFormat="0" applyFill="0" applyAlignment="0" applyProtection="0">
      <alignment vertical="center"/>
    </xf>
    <xf numFmtId="0" fontId="32" fillId="7" borderId="0" applyNumberFormat="0" applyBorder="0" applyAlignment="0" applyProtection="0">
      <alignment vertical="center"/>
    </xf>
    <xf numFmtId="177" fontId="32" fillId="7" borderId="0" applyNumberFormat="0" applyBorder="0" applyAlignment="0" applyProtection="0">
      <alignment vertical="center"/>
    </xf>
    <xf numFmtId="0" fontId="33" fillId="27" borderId="19" applyNumberFormat="0" applyAlignment="0" applyProtection="0">
      <alignment vertical="center"/>
    </xf>
    <xf numFmtId="177" fontId="33" fillId="27" borderId="19" applyNumberFormat="0" applyAlignment="0" applyProtection="0">
      <alignment vertical="center"/>
    </xf>
    <xf numFmtId="0" fontId="34" fillId="0" borderId="0" applyNumberFormat="0" applyFill="0" applyBorder="0" applyAlignment="0" applyProtection="0">
      <alignment vertical="center"/>
    </xf>
    <xf numFmtId="177" fontId="34" fillId="0" borderId="0" applyNumberFormat="0" applyFill="0" applyBorder="0" applyAlignment="0" applyProtection="0">
      <alignment vertical="center"/>
    </xf>
    <xf numFmtId="38" fontId="11" fillId="0" borderId="0" applyFont="0" applyFill="0" applyBorder="0" applyAlignment="0" applyProtection="0"/>
    <xf numFmtId="38" fontId="18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0" fontId="35" fillId="0" borderId="20" applyNumberFormat="0" applyFill="0" applyAlignment="0" applyProtection="0">
      <alignment vertical="center"/>
    </xf>
    <xf numFmtId="177" fontId="35" fillId="0" borderId="20" applyNumberFormat="0" applyFill="0" applyAlignment="0" applyProtection="0">
      <alignment vertical="center"/>
    </xf>
    <xf numFmtId="0" fontId="36" fillId="0" borderId="21" applyNumberFormat="0" applyFill="0" applyAlignment="0" applyProtection="0">
      <alignment vertical="center"/>
    </xf>
    <xf numFmtId="177" fontId="36" fillId="0" borderId="21" applyNumberFormat="0" applyFill="0" applyAlignment="0" applyProtection="0">
      <alignment vertical="center"/>
    </xf>
    <xf numFmtId="0" fontId="37" fillId="0" borderId="22" applyNumberFormat="0" applyFill="0" applyAlignment="0" applyProtection="0">
      <alignment vertical="center"/>
    </xf>
    <xf numFmtId="177" fontId="37" fillId="0" borderId="22" applyNumberFormat="0" applyFill="0" applyAlignment="0" applyProtection="0">
      <alignment vertical="center"/>
    </xf>
    <xf numFmtId="0" fontId="37" fillId="0" borderId="0" applyNumberFormat="0" applyFill="0" applyBorder="0" applyAlignment="0" applyProtection="0">
      <alignment vertical="center"/>
    </xf>
    <xf numFmtId="177" fontId="37" fillId="0" borderId="0" applyNumberFormat="0" applyFill="0" applyBorder="0" applyAlignment="0" applyProtection="0">
      <alignment vertical="center"/>
    </xf>
    <xf numFmtId="0" fontId="38" fillId="0" borderId="23" applyNumberFormat="0" applyFill="0" applyAlignment="0" applyProtection="0">
      <alignment vertical="center"/>
    </xf>
    <xf numFmtId="177" fontId="38" fillId="0" borderId="23" applyNumberFormat="0" applyFill="0" applyAlignment="0" applyProtection="0">
      <alignment vertical="center"/>
    </xf>
    <xf numFmtId="0" fontId="39" fillId="27" borderId="24" applyNumberFormat="0" applyAlignment="0" applyProtection="0">
      <alignment vertical="center"/>
    </xf>
    <xf numFmtId="177" fontId="39" fillId="27" borderId="24" applyNumberFormat="0" applyAlignment="0" applyProtection="0">
      <alignment vertical="center"/>
    </xf>
    <xf numFmtId="0" fontId="40" fillId="0" borderId="0" applyNumberFormat="0" applyFill="0" applyBorder="0" applyAlignment="0" applyProtection="0">
      <alignment vertical="center"/>
    </xf>
    <xf numFmtId="177" fontId="40" fillId="0" borderId="0" applyNumberFormat="0" applyFill="0" applyBorder="0" applyAlignment="0" applyProtection="0">
      <alignment vertical="center"/>
    </xf>
    <xf numFmtId="0" fontId="41" fillId="11" borderId="19" applyNumberFormat="0" applyAlignment="0" applyProtection="0">
      <alignment vertical="center"/>
    </xf>
    <xf numFmtId="177" fontId="41" fillId="11" borderId="19" applyNumberFormat="0" applyAlignment="0" applyProtection="0">
      <alignment vertical="center"/>
    </xf>
    <xf numFmtId="0" fontId="11" fillId="0" borderId="0"/>
    <xf numFmtId="177" fontId="11" fillId="0" borderId="0"/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177" fontId="11" fillId="0" borderId="0"/>
    <xf numFmtId="0" fontId="42" fillId="0" borderId="0">
      <alignment vertical="center"/>
    </xf>
    <xf numFmtId="0" fontId="11" fillId="0" borderId="0"/>
    <xf numFmtId="177" fontId="11" fillId="0" borderId="0"/>
    <xf numFmtId="0" fontId="11" fillId="0" borderId="0"/>
    <xf numFmtId="0" fontId="25" fillId="0" borderId="0">
      <alignment vertical="center"/>
    </xf>
    <xf numFmtId="177" fontId="11" fillId="0" borderId="0"/>
    <xf numFmtId="177" fontId="11" fillId="0" borderId="0">
      <alignment vertical="center"/>
    </xf>
    <xf numFmtId="0" fontId="11" fillId="0" borderId="0">
      <alignment vertical="center"/>
    </xf>
    <xf numFmtId="0" fontId="11" fillId="0" borderId="0"/>
    <xf numFmtId="0" fontId="11" fillId="0" borderId="0"/>
    <xf numFmtId="0" fontId="11" fillId="0" borderId="0"/>
    <xf numFmtId="177" fontId="11" fillId="0" borderId="0"/>
    <xf numFmtId="0" fontId="11" fillId="0" borderId="0"/>
    <xf numFmtId="177" fontId="11" fillId="0" borderId="0"/>
    <xf numFmtId="0" fontId="11" fillId="0" borderId="0"/>
    <xf numFmtId="177" fontId="11" fillId="0" borderId="0"/>
    <xf numFmtId="0" fontId="11" fillId="0" borderId="0">
      <alignment vertical="center"/>
    </xf>
    <xf numFmtId="177" fontId="11" fillId="0" borderId="0">
      <alignment vertical="center"/>
    </xf>
    <xf numFmtId="0" fontId="43" fillId="0" borderId="0"/>
    <xf numFmtId="177" fontId="43" fillId="0" borderId="0"/>
    <xf numFmtId="0" fontId="44" fillId="8" borderId="0" applyNumberFormat="0" applyBorder="0" applyAlignment="0" applyProtection="0">
      <alignment vertical="center"/>
    </xf>
    <xf numFmtId="177" fontId="44" fillId="8" borderId="0" applyNumberFormat="0" applyBorder="0" applyAlignment="0" applyProtection="0">
      <alignment vertical="center"/>
    </xf>
  </cellStyleXfs>
  <cellXfs count="131">
    <xf numFmtId="0" fontId="0" fillId="0" borderId="0" xfId="0"/>
    <xf numFmtId="0" fontId="3" fillId="0" borderId="0" xfId="0" applyFont="1"/>
    <xf numFmtId="0" fontId="3" fillId="0" borderId="0" xfId="0" applyFont="1" applyFill="1" applyBorder="1"/>
    <xf numFmtId="0" fontId="3" fillId="0" borderId="0" xfId="0" applyFont="1" applyBorder="1"/>
    <xf numFmtId="0" fontId="3" fillId="0" borderId="0" xfId="0" applyFont="1" applyAlignment="1">
      <alignment vertical="top"/>
    </xf>
    <xf numFmtId="0" fontId="3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vertical="top"/>
    </xf>
    <xf numFmtId="0" fontId="7" fillId="0" borderId="0" xfId="0" applyFont="1" applyBorder="1" applyAlignment="1">
      <alignment horizontal="right" vertical="center"/>
    </xf>
    <xf numFmtId="0" fontId="3" fillId="0" borderId="0" xfId="0" applyFont="1" applyFill="1" applyBorder="1" applyAlignment="1">
      <alignment vertical="top"/>
    </xf>
    <xf numFmtId="0" fontId="3" fillId="0" borderId="0" xfId="0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3" fillId="0" borderId="0" xfId="0" applyFont="1" applyAlignment="1"/>
    <xf numFmtId="0" fontId="7" fillId="0" borderId="0" xfId="0" applyFont="1" applyFill="1" applyBorder="1" applyAlignment="1">
      <alignment horizontal="righ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0" xfId="0" applyFont="1" applyBorder="1" applyAlignment="1">
      <alignment vertical="center" wrapText="1"/>
    </xf>
    <xf numFmtId="0" fontId="7" fillId="0" borderId="0" xfId="0" applyFont="1" applyBorder="1" applyAlignment="1">
      <alignment horizontal="left" vertical="center"/>
    </xf>
    <xf numFmtId="0" fontId="2" fillId="0" borderId="0" xfId="2" applyAlignment="1"/>
    <xf numFmtId="0" fontId="2" fillId="0" borderId="0" xfId="2">
      <alignment vertical="center"/>
    </xf>
    <xf numFmtId="0" fontId="2" fillId="0" borderId="0" xfId="2" applyFill="1">
      <alignment vertical="center"/>
    </xf>
    <xf numFmtId="0" fontId="2" fillId="4" borderId="7" xfId="2" applyFill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0" fontId="13" fillId="0" borderId="0" xfId="0" applyFont="1" applyAlignment="1">
      <alignment vertical="center"/>
    </xf>
    <xf numFmtId="0" fontId="14" fillId="0" borderId="2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16" fillId="0" borderId="0" xfId="3" applyFont="1" applyAlignment="1" applyProtection="1">
      <alignment vertical="center"/>
    </xf>
    <xf numFmtId="0" fontId="16" fillId="0" borderId="0" xfId="4" applyFont="1" applyAlignment="1" applyProtection="1">
      <alignment vertical="center"/>
    </xf>
    <xf numFmtId="176" fontId="16" fillId="0" borderId="11" xfId="3" applyNumberFormat="1" applyFont="1" applyBorder="1" applyAlignment="1" applyProtection="1">
      <alignment horizontal="center" vertical="center" shrinkToFit="1"/>
    </xf>
    <xf numFmtId="0" fontId="16" fillId="0" borderId="2" xfId="3" applyFont="1" applyBorder="1" applyAlignment="1" applyProtection="1">
      <alignment vertical="center"/>
    </xf>
    <xf numFmtId="0" fontId="16" fillId="0" borderId="3" xfId="3" applyFont="1" applyBorder="1" applyAlignment="1" applyProtection="1">
      <alignment vertical="center"/>
    </xf>
    <xf numFmtId="0" fontId="16" fillId="0" borderId="0" xfId="4" applyFont="1" applyFill="1" applyAlignment="1" applyProtection="1">
      <alignment vertical="center"/>
    </xf>
    <xf numFmtId="0" fontId="16" fillId="0" borderId="0" xfId="3" applyFont="1" applyBorder="1" applyAlignment="1" applyProtection="1">
      <alignment vertical="center"/>
    </xf>
    <xf numFmtId="0" fontId="16" fillId="0" borderId="13" xfId="3" applyFont="1" applyBorder="1" applyAlignment="1" applyProtection="1">
      <alignment vertical="center"/>
    </xf>
    <xf numFmtId="0" fontId="16" fillId="0" borderId="5" xfId="3" applyFont="1" applyBorder="1" applyAlignment="1" applyProtection="1">
      <alignment vertical="center"/>
    </xf>
    <xf numFmtId="0" fontId="16" fillId="0" borderId="6" xfId="3" applyFont="1" applyBorder="1" applyAlignment="1" applyProtection="1">
      <alignment vertical="center"/>
    </xf>
    <xf numFmtId="0" fontId="2" fillId="0" borderId="7" xfId="2" applyBorder="1" applyAlignment="1">
      <alignment vertical="top" wrapText="1"/>
    </xf>
    <xf numFmtId="0" fontId="2" fillId="0" borderId="7" xfId="2" applyBorder="1" applyAlignment="1">
      <alignment horizontal="center" vertical="center" wrapText="1"/>
    </xf>
    <xf numFmtId="0" fontId="7" fillId="0" borderId="7" xfId="2" applyFont="1" applyBorder="1" applyAlignment="1">
      <alignment vertical="top" wrapText="1"/>
    </xf>
    <xf numFmtId="0" fontId="9" fillId="0" borderId="7" xfId="2" applyFont="1" applyFill="1" applyBorder="1" applyAlignment="1">
      <alignment vertical="top" wrapText="1"/>
    </xf>
    <xf numFmtId="0" fontId="7" fillId="0" borderId="7" xfId="2" applyFont="1" applyFill="1" applyBorder="1" applyAlignment="1">
      <alignment vertical="top" wrapText="1"/>
    </xf>
    <xf numFmtId="0" fontId="2" fillId="0" borderId="7" xfId="2" applyFill="1" applyBorder="1">
      <alignment vertical="center"/>
    </xf>
    <xf numFmtId="0" fontId="9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3" fillId="0" borderId="13" xfId="0" applyFont="1" applyBorder="1" applyAlignment="1">
      <alignment vertical="center"/>
    </xf>
    <xf numFmtId="0" fontId="21" fillId="0" borderId="0" xfId="0" applyFont="1" applyFill="1" applyBorder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vertical="top"/>
    </xf>
    <xf numFmtId="0" fontId="9" fillId="0" borderId="0" xfId="0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/>
    </xf>
    <xf numFmtId="0" fontId="0" fillId="0" borderId="0" xfId="3" applyFont="1" applyAlignment="1" applyProtection="1">
      <alignment vertical="center"/>
    </xf>
    <xf numFmtId="0" fontId="2" fillId="0" borderId="0" xfId="2" applyBorder="1">
      <alignment vertical="center"/>
    </xf>
    <xf numFmtId="0" fontId="2" fillId="4" borderId="7" xfId="1" applyNumberFormat="1" applyFont="1" applyFill="1" applyBorder="1" applyAlignment="1">
      <alignment horizontal="center" vertical="center"/>
    </xf>
    <xf numFmtId="0" fontId="1" fillId="0" borderId="0" xfId="2" applyFont="1" applyAlignment="1"/>
    <xf numFmtId="0" fontId="7" fillId="3" borderId="7" xfId="0" applyFont="1" applyFill="1" applyBorder="1" applyAlignment="1">
      <alignment horizontal="center" vertical="center"/>
    </xf>
    <xf numFmtId="0" fontId="3" fillId="28" borderId="0" xfId="0" applyFont="1" applyFill="1" applyAlignment="1">
      <alignment vertical="center"/>
    </xf>
    <xf numFmtId="0" fontId="3" fillId="28" borderId="0" xfId="0" applyFont="1" applyFill="1" applyAlignment="1">
      <alignment vertical="top"/>
    </xf>
    <xf numFmtId="0" fontId="9" fillId="28" borderId="0" xfId="0" applyFont="1" applyFill="1" applyAlignment="1">
      <alignment vertical="center"/>
    </xf>
    <xf numFmtId="0" fontId="9" fillId="28" borderId="0" xfId="0" applyFont="1" applyFill="1" applyAlignment="1">
      <alignment horizontal="right" vertical="center"/>
    </xf>
    <xf numFmtId="0" fontId="45" fillId="28" borderId="0" xfId="0" applyFont="1" applyFill="1" applyAlignment="1">
      <alignment vertical="center"/>
    </xf>
    <xf numFmtId="0" fontId="10" fillId="0" borderId="0" xfId="0" applyFont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46" fillId="0" borderId="0" xfId="0" applyFont="1" applyAlignment="1">
      <alignment vertical="center"/>
    </xf>
    <xf numFmtId="0" fontId="47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0" fontId="48" fillId="0" borderId="8" xfId="2" applyFont="1" applyBorder="1" applyAlignment="1">
      <alignment vertical="top" wrapText="1"/>
    </xf>
    <xf numFmtId="0" fontId="48" fillId="0" borderId="9" xfId="2" applyFont="1" applyBorder="1" applyAlignment="1">
      <alignment vertical="top" wrapText="1"/>
    </xf>
    <xf numFmtId="0" fontId="48" fillId="0" borderId="10" xfId="2" applyFont="1" applyBorder="1" applyAlignment="1">
      <alignment vertical="top" wrapText="1"/>
    </xf>
    <xf numFmtId="0" fontId="48" fillId="0" borderId="7" xfId="2" applyFont="1" applyBorder="1" applyAlignment="1">
      <alignment vertical="top" wrapText="1"/>
    </xf>
    <xf numFmtId="0" fontId="49" fillId="0" borderId="11" xfId="2" applyFont="1" applyBorder="1" applyAlignment="1">
      <alignment vertical="top" wrapText="1"/>
    </xf>
    <xf numFmtId="0" fontId="50" fillId="0" borderId="11" xfId="2" applyFont="1" applyBorder="1" applyAlignment="1">
      <alignment vertical="top" wrapText="1"/>
    </xf>
    <xf numFmtId="0" fontId="50" fillId="0" borderId="11" xfId="2" applyFont="1" applyFill="1" applyBorder="1" applyAlignment="1">
      <alignment vertical="top" wrapText="1"/>
    </xf>
    <xf numFmtId="0" fontId="49" fillId="0" borderId="7" xfId="2" applyFont="1" applyBorder="1" applyAlignment="1">
      <alignment vertical="top" wrapText="1"/>
    </xf>
    <xf numFmtId="0" fontId="48" fillId="0" borderId="7" xfId="2" applyFont="1" applyBorder="1" applyAlignment="1">
      <alignment vertical="center" wrapText="1"/>
    </xf>
    <xf numFmtId="0" fontId="49" fillId="0" borderId="14" xfId="2" applyFont="1" applyBorder="1" applyAlignment="1">
      <alignment horizontal="left" vertical="top" wrapText="1"/>
    </xf>
    <xf numFmtId="0" fontId="48" fillId="0" borderId="10" xfId="2" applyFont="1" applyBorder="1">
      <alignment vertical="center"/>
    </xf>
    <xf numFmtId="0" fontId="6" fillId="2" borderId="1" xfId="0" quotePrefix="1" applyFont="1" applyFill="1" applyBorder="1" applyAlignment="1">
      <alignment horizontal="center" vertical="center"/>
    </xf>
    <xf numFmtId="0" fontId="6" fillId="2" borderId="3" xfId="0" quotePrefix="1" applyFont="1" applyFill="1" applyBorder="1" applyAlignment="1">
      <alignment horizontal="center" vertical="center"/>
    </xf>
    <xf numFmtId="0" fontId="6" fillId="2" borderId="4" xfId="0" quotePrefix="1" applyFont="1" applyFill="1" applyBorder="1" applyAlignment="1">
      <alignment horizontal="center" vertical="center"/>
    </xf>
    <xf numFmtId="0" fontId="6" fillId="2" borderId="6" xfId="0" quotePrefix="1" applyFont="1" applyFill="1" applyBorder="1" applyAlignment="1">
      <alignment horizontal="center" vertical="center"/>
    </xf>
    <xf numFmtId="0" fontId="8" fillId="2" borderId="1" xfId="0" applyFont="1" applyFill="1" applyBorder="1" applyAlignment="1">
      <alignment horizontal="left" vertical="center" wrapText="1"/>
    </xf>
    <xf numFmtId="0" fontId="7" fillId="2" borderId="2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left" vertical="center" wrapText="1"/>
    </xf>
    <xf numFmtId="0" fontId="7" fillId="2" borderId="4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left" vertical="center" wrapText="1"/>
    </xf>
    <xf numFmtId="0" fontId="7" fillId="2" borderId="6" xfId="0" applyFont="1" applyFill="1" applyBorder="1" applyAlignment="1">
      <alignment horizontal="left" vertical="center" wrapText="1"/>
    </xf>
    <xf numFmtId="0" fontId="6" fillId="2" borderId="2" xfId="0" quotePrefix="1" applyFont="1" applyFill="1" applyBorder="1" applyAlignment="1">
      <alignment horizontal="center" vertical="center"/>
    </xf>
    <xf numFmtId="0" fontId="6" fillId="2" borderId="5" xfId="0" quotePrefix="1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left" vertical="center" wrapText="1"/>
    </xf>
    <xf numFmtId="0" fontId="3" fillId="5" borderId="1" xfId="0" applyFont="1" applyFill="1" applyBorder="1" applyAlignment="1">
      <alignment horizontal="left" vertical="top"/>
    </xf>
    <xf numFmtId="0" fontId="3" fillId="5" borderId="2" xfId="0" applyFont="1" applyFill="1" applyBorder="1" applyAlignment="1">
      <alignment horizontal="left" vertical="top"/>
    </xf>
    <xf numFmtId="0" fontId="3" fillId="5" borderId="3" xfId="0" applyFont="1" applyFill="1" applyBorder="1" applyAlignment="1">
      <alignment horizontal="left" vertical="top"/>
    </xf>
    <xf numFmtId="0" fontId="3" fillId="5" borderId="12" xfId="0" applyFont="1" applyFill="1" applyBorder="1" applyAlignment="1">
      <alignment horizontal="left" vertical="top"/>
    </xf>
    <xf numFmtId="0" fontId="3" fillId="5" borderId="0" xfId="0" applyFont="1" applyFill="1" applyBorder="1" applyAlignment="1">
      <alignment horizontal="left" vertical="top"/>
    </xf>
    <xf numFmtId="0" fontId="3" fillId="5" borderId="13" xfId="0" applyFont="1" applyFill="1" applyBorder="1" applyAlignment="1">
      <alignment horizontal="left" vertical="top"/>
    </xf>
    <xf numFmtId="0" fontId="3" fillId="5" borderId="4" xfId="0" applyFont="1" applyFill="1" applyBorder="1" applyAlignment="1">
      <alignment horizontal="left" vertical="top"/>
    </xf>
    <xf numFmtId="0" fontId="3" fillId="5" borderId="5" xfId="0" applyFont="1" applyFill="1" applyBorder="1" applyAlignment="1">
      <alignment horizontal="left" vertical="top"/>
    </xf>
    <xf numFmtId="0" fontId="3" fillId="5" borderId="6" xfId="0" applyFont="1" applyFill="1" applyBorder="1" applyAlignment="1">
      <alignment horizontal="left" vertical="top"/>
    </xf>
    <xf numFmtId="0" fontId="3" fillId="5" borderId="8" xfId="0" applyFont="1" applyFill="1" applyBorder="1" applyAlignment="1">
      <alignment horizontal="center" vertical="center"/>
    </xf>
    <xf numFmtId="0" fontId="3" fillId="5" borderId="10" xfId="0" applyFont="1" applyFill="1" applyBorder="1" applyAlignment="1">
      <alignment horizontal="center" vertical="center"/>
    </xf>
    <xf numFmtId="0" fontId="3" fillId="5" borderId="9" xfId="0" applyFont="1" applyFill="1" applyBorder="1" applyAlignment="1">
      <alignment horizontal="center" vertical="center"/>
    </xf>
    <xf numFmtId="0" fontId="7" fillId="5" borderId="10" xfId="0" applyFont="1" applyFill="1" applyBorder="1" applyAlignment="1">
      <alignment horizontal="center" vertical="center"/>
    </xf>
    <xf numFmtId="0" fontId="7" fillId="5" borderId="7" xfId="0" applyFont="1" applyFill="1" applyBorder="1" applyAlignment="1">
      <alignment horizontal="center" vertical="center"/>
    </xf>
    <xf numFmtId="0" fontId="3" fillId="5" borderId="7" xfId="0" applyFont="1" applyFill="1" applyBorder="1" applyAlignment="1">
      <alignment horizontal="center" vertical="top"/>
    </xf>
    <xf numFmtId="0" fontId="3" fillId="28" borderId="8" xfId="0" applyFont="1" applyFill="1" applyBorder="1" applyAlignment="1">
      <alignment horizontal="center" vertical="center"/>
    </xf>
    <xf numFmtId="0" fontId="3" fillId="28" borderId="10" xfId="0" applyFont="1" applyFill="1" applyBorder="1" applyAlignment="1">
      <alignment horizontal="center" vertical="center"/>
    </xf>
    <xf numFmtId="0" fontId="3" fillId="28" borderId="9" xfId="0" applyFont="1" applyFill="1" applyBorder="1" applyAlignment="1">
      <alignment horizontal="center" vertical="center"/>
    </xf>
    <xf numFmtId="0" fontId="7" fillId="3" borderId="8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3" borderId="9" xfId="0" applyFont="1" applyFill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7" fillId="5" borderId="8" xfId="0" applyFont="1" applyFill="1" applyBorder="1" applyAlignment="1">
      <alignment horizontal="center" vertical="center"/>
    </xf>
    <xf numFmtId="0" fontId="7" fillId="5" borderId="9" xfId="0" applyFont="1" applyFill="1" applyBorder="1" applyAlignment="1">
      <alignment horizontal="center" vertical="center"/>
    </xf>
    <xf numFmtId="0" fontId="3" fillId="5" borderId="7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left" vertical="center" wrapText="1"/>
    </xf>
    <xf numFmtId="0" fontId="16" fillId="0" borderId="14" xfId="3" applyFont="1" applyBorder="1" applyAlignment="1" applyProtection="1">
      <alignment horizontal="center" vertical="top" textRotation="255"/>
    </xf>
    <xf numFmtId="0" fontId="16" fillId="0" borderId="15" xfId="3" applyFont="1" applyBorder="1" applyAlignment="1" applyProtection="1">
      <alignment horizontal="center" vertical="top" textRotation="255"/>
    </xf>
    <xf numFmtId="0" fontId="16" fillId="0" borderId="0" xfId="3" applyFont="1" applyBorder="1" applyAlignment="1" applyProtection="1">
      <alignment horizontal="distributed" vertical="center" justifyLastLine="1"/>
    </xf>
    <xf numFmtId="0" fontId="16" fillId="0" borderId="14" xfId="3" applyFont="1" applyBorder="1" applyAlignment="1" applyProtection="1">
      <alignment horizontal="center" vertical="top" textRotation="255" shrinkToFit="1"/>
    </xf>
    <xf numFmtId="0" fontId="16" fillId="0" borderId="15" xfId="3" applyFont="1" applyBorder="1" applyAlignment="1" applyProtection="1">
      <alignment horizontal="center" vertical="top" textRotation="255" shrinkToFit="1"/>
    </xf>
    <xf numFmtId="0" fontId="16" fillId="4" borderId="7" xfId="3" applyFont="1" applyFill="1" applyBorder="1" applyAlignment="1" applyProtection="1">
      <alignment horizontal="center" vertical="center"/>
    </xf>
    <xf numFmtId="14" fontId="3" fillId="5" borderId="8" xfId="0" applyNumberFormat="1" applyFont="1" applyFill="1" applyBorder="1" applyAlignment="1">
      <alignment horizontal="center" vertical="center"/>
    </xf>
  </cellXfs>
  <cellStyles count="137">
    <cellStyle name="20% - アクセント 1 2" xfId="8" xr:uid="{00000000-0005-0000-0000-000000000000}"/>
    <cellStyle name="20% - アクセント 1 2 2" xfId="9" xr:uid="{00000000-0005-0000-0000-000001000000}"/>
    <cellStyle name="20% - アクセント 1 2_様7 工種別" xfId="10" xr:uid="{00000000-0005-0000-0000-000002000000}"/>
    <cellStyle name="20% - アクセント 2 2" xfId="11" xr:uid="{00000000-0005-0000-0000-000003000000}"/>
    <cellStyle name="20% - アクセント 2 2 2" xfId="12" xr:uid="{00000000-0005-0000-0000-000004000000}"/>
    <cellStyle name="20% - アクセント 2 2_様7 工種別" xfId="13" xr:uid="{00000000-0005-0000-0000-000005000000}"/>
    <cellStyle name="20% - アクセント 3 2" xfId="14" xr:uid="{00000000-0005-0000-0000-000006000000}"/>
    <cellStyle name="20% - アクセント 3 2 2" xfId="15" xr:uid="{00000000-0005-0000-0000-000007000000}"/>
    <cellStyle name="20% - アクセント 3 2_様7 工種別" xfId="16" xr:uid="{00000000-0005-0000-0000-000008000000}"/>
    <cellStyle name="20% - アクセント 4 2" xfId="17" xr:uid="{00000000-0005-0000-0000-000009000000}"/>
    <cellStyle name="20% - アクセント 4 2 2" xfId="18" xr:uid="{00000000-0005-0000-0000-00000A000000}"/>
    <cellStyle name="20% - アクセント 4 2_様7 工種別" xfId="19" xr:uid="{00000000-0005-0000-0000-00000B000000}"/>
    <cellStyle name="20% - アクセント 5 2" xfId="20" xr:uid="{00000000-0005-0000-0000-00000C000000}"/>
    <cellStyle name="20% - アクセント 5 2 2" xfId="21" xr:uid="{00000000-0005-0000-0000-00000D000000}"/>
    <cellStyle name="20% - アクセント 5 2_様7 工種別" xfId="22" xr:uid="{00000000-0005-0000-0000-00000E000000}"/>
    <cellStyle name="20% - アクセント 6 2" xfId="23" xr:uid="{00000000-0005-0000-0000-00000F000000}"/>
    <cellStyle name="20% - アクセント 6 2 2" xfId="24" xr:uid="{00000000-0005-0000-0000-000010000000}"/>
    <cellStyle name="20% - アクセント 6 2_様7 工種別" xfId="25" xr:uid="{00000000-0005-0000-0000-000011000000}"/>
    <cellStyle name="40% - アクセント 1 2" xfId="26" xr:uid="{00000000-0005-0000-0000-000012000000}"/>
    <cellStyle name="40% - アクセント 1 2 2" xfId="27" xr:uid="{00000000-0005-0000-0000-000013000000}"/>
    <cellStyle name="40% - アクセント 1 2_様7 工種別" xfId="28" xr:uid="{00000000-0005-0000-0000-000014000000}"/>
    <cellStyle name="40% - アクセント 2 2" xfId="29" xr:uid="{00000000-0005-0000-0000-000015000000}"/>
    <cellStyle name="40% - アクセント 2 2 2" xfId="30" xr:uid="{00000000-0005-0000-0000-000016000000}"/>
    <cellStyle name="40% - アクセント 2 2_様7 工種別" xfId="31" xr:uid="{00000000-0005-0000-0000-000017000000}"/>
    <cellStyle name="40% - アクセント 3 2" xfId="32" xr:uid="{00000000-0005-0000-0000-000018000000}"/>
    <cellStyle name="40% - アクセント 3 2 2" xfId="33" xr:uid="{00000000-0005-0000-0000-000019000000}"/>
    <cellStyle name="40% - アクセント 3 2_様7 工種別" xfId="34" xr:uid="{00000000-0005-0000-0000-00001A000000}"/>
    <cellStyle name="40% - アクセント 4 2" xfId="35" xr:uid="{00000000-0005-0000-0000-00001B000000}"/>
    <cellStyle name="40% - アクセント 4 2 2" xfId="36" xr:uid="{00000000-0005-0000-0000-00001C000000}"/>
    <cellStyle name="40% - アクセント 4 2_様7 工種別" xfId="37" xr:uid="{00000000-0005-0000-0000-00001D000000}"/>
    <cellStyle name="40% - アクセント 5 2" xfId="38" xr:uid="{00000000-0005-0000-0000-00001E000000}"/>
    <cellStyle name="40% - アクセント 5 2 2" xfId="39" xr:uid="{00000000-0005-0000-0000-00001F000000}"/>
    <cellStyle name="40% - アクセント 5 2_様7 工種別" xfId="40" xr:uid="{00000000-0005-0000-0000-000020000000}"/>
    <cellStyle name="40% - アクセント 6 2" xfId="41" xr:uid="{00000000-0005-0000-0000-000021000000}"/>
    <cellStyle name="40% - アクセント 6 2 2" xfId="42" xr:uid="{00000000-0005-0000-0000-000022000000}"/>
    <cellStyle name="40% - アクセント 6 2_様7 工種別" xfId="43" xr:uid="{00000000-0005-0000-0000-000023000000}"/>
    <cellStyle name="60% - アクセント 1 2" xfId="44" xr:uid="{00000000-0005-0000-0000-000024000000}"/>
    <cellStyle name="60% - アクセント 1 2 2" xfId="45" xr:uid="{00000000-0005-0000-0000-000025000000}"/>
    <cellStyle name="60% - アクセント 2 2" xfId="46" xr:uid="{00000000-0005-0000-0000-000026000000}"/>
    <cellStyle name="60% - アクセント 2 2 2" xfId="47" xr:uid="{00000000-0005-0000-0000-000027000000}"/>
    <cellStyle name="60% - アクセント 3 2" xfId="48" xr:uid="{00000000-0005-0000-0000-000028000000}"/>
    <cellStyle name="60% - アクセント 3 2 2" xfId="49" xr:uid="{00000000-0005-0000-0000-000029000000}"/>
    <cellStyle name="60% - アクセント 4 2" xfId="50" xr:uid="{00000000-0005-0000-0000-00002A000000}"/>
    <cellStyle name="60% - アクセント 4 2 2" xfId="51" xr:uid="{00000000-0005-0000-0000-00002B000000}"/>
    <cellStyle name="60% - アクセント 5 2" xfId="52" xr:uid="{00000000-0005-0000-0000-00002C000000}"/>
    <cellStyle name="60% - アクセント 5 2 2" xfId="53" xr:uid="{00000000-0005-0000-0000-00002D000000}"/>
    <cellStyle name="60% - アクセント 6 2" xfId="54" xr:uid="{00000000-0005-0000-0000-00002E000000}"/>
    <cellStyle name="60% - アクセント 6 2 2" xfId="55" xr:uid="{00000000-0005-0000-0000-00002F000000}"/>
    <cellStyle name="アクセント 1 2" xfId="56" xr:uid="{00000000-0005-0000-0000-000030000000}"/>
    <cellStyle name="アクセント 1 2 2" xfId="57" xr:uid="{00000000-0005-0000-0000-000031000000}"/>
    <cellStyle name="アクセント 2 2" xfId="58" xr:uid="{00000000-0005-0000-0000-000032000000}"/>
    <cellStyle name="アクセント 2 2 2" xfId="59" xr:uid="{00000000-0005-0000-0000-000033000000}"/>
    <cellStyle name="アクセント 3 2" xfId="60" xr:uid="{00000000-0005-0000-0000-000034000000}"/>
    <cellStyle name="アクセント 3 2 2" xfId="61" xr:uid="{00000000-0005-0000-0000-000035000000}"/>
    <cellStyle name="アクセント 4 2" xfId="62" xr:uid="{00000000-0005-0000-0000-000036000000}"/>
    <cellStyle name="アクセント 4 2 2" xfId="63" xr:uid="{00000000-0005-0000-0000-000037000000}"/>
    <cellStyle name="アクセント 5 2" xfId="64" xr:uid="{00000000-0005-0000-0000-000038000000}"/>
    <cellStyle name="アクセント 5 2 2" xfId="65" xr:uid="{00000000-0005-0000-0000-000039000000}"/>
    <cellStyle name="アクセント 6 2" xfId="66" xr:uid="{00000000-0005-0000-0000-00003A000000}"/>
    <cellStyle name="アクセント 6 2 2" xfId="67" xr:uid="{00000000-0005-0000-0000-00003B000000}"/>
    <cellStyle name="タイトル 2" xfId="68" xr:uid="{00000000-0005-0000-0000-00003C000000}"/>
    <cellStyle name="タイトル 2 2" xfId="69" xr:uid="{00000000-0005-0000-0000-00003D000000}"/>
    <cellStyle name="チェック セル 2" xfId="70" xr:uid="{00000000-0005-0000-0000-00003E000000}"/>
    <cellStyle name="チェック セル 2 2" xfId="71" xr:uid="{00000000-0005-0000-0000-00003F000000}"/>
    <cellStyle name="どちらでもない 2" xfId="72" xr:uid="{00000000-0005-0000-0000-000040000000}"/>
    <cellStyle name="どちらでもない 2 2" xfId="73" xr:uid="{00000000-0005-0000-0000-000041000000}"/>
    <cellStyle name="パーセント" xfId="1" builtinId="5"/>
    <cellStyle name="ハイパーリンク 2" xfId="74" xr:uid="{00000000-0005-0000-0000-000043000000}"/>
    <cellStyle name="メモ 2" xfId="75" xr:uid="{00000000-0005-0000-0000-000044000000}"/>
    <cellStyle name="メモ 2 2" xfId="76" xr:uid="{00000000-0005-0000-0000-000045000000}"/>
    <cellStyle name="リンク セル 2" xfId="77" xr:uid="{00000000-0005-0000-0000-000046000000}"/>
    <cellStyle name="リンク セル 2 2" xfId="78" xr:uid="{00000000-0005-0000-0000-000047000000}"/>
    <cellStyle name="悪い 2" xfId="79" xr:uid="{00000000-0005-0000-0000-000048000000}"/>
    <cellStyle name="悪い 2 2" xfId="80" xr:uid="{00000000-0005-0000-0000-000049000000}"/>
    <cellStyle name="計算 2" xfId="81" xr:uid="{00000000-0005-0000-0000-00004A000000}"/>
    <cellStyle name="計算 2 2" xfId="82" xr:uid="{00000000-0005-0000-0000-00004B000000}"/>
    <cellStyle name="警告文 2" xfId="83" xr:uid="{00000000-0005-0000-0000-00004C000000}"/>
    <cellStyle name="警告文 2 2" xfId="84" xr:uid="{00000000-0005-0000-0000-00004D000000}"/>
    <cellStyle name="桁区切り 2" xfId="5" xr:uid="{00000000-0005-0000-0000-00004E000000}"/>
    <cellStyle name="桁区切り 2 2" xfId="85" xr:uid="{00000000-0005-0000-0000-00004F000000}"/>
    <cellStyle name="桁区切り 3" xfId="86" xr:uid="{00000000-0005-0000-0000-000050000000}"/>
    <cellStyle name="桁区切り 4" xfId="87" xr:uid="{00000000-0005-0000-0000-000051000000}"/>
    <cellStyle name="見出し 1 2" xfId="88" xr:uid="{00000000-0005-0000-0000-000052000000}"/>
    <cellStyle name="見出し 1 2 2" xfId="89" xr:uid="{00000000-0005-0000-0000-000053000000}"/>
    <cellStyle name="見出し 2 2" xfId="90" xr:uid="{00000000-0005-0000-0000-000054000000}"/>
    <cellStyle name="見出し 2 2 2" xfId="91" xr:uid="{00000000-0005-0000-0000-000055000000}"/>
    <cellStyle name="見出し 3 2" xfId="92" xr:uid="{00000000-0005-0000-0000-000056000000}"/>
    <cellStyle name="見出し 3 2 2" xfId="93" xr:uid="{00000000-0005-0000-0000-000057000000}"/>
    <cellStyle name="見出し 4 2" xfId="94" xr:uid="{00000000-0005-0000-0000-000058000000}"/>
    <cellStyle name="見出し 4 2 2" xfId="95" xr:uid="{00000000-0005-0000-0000-000059000000}"/>
    <cellStyle name="集計 2" xfId="96" xr:uid="{00000000-0005-0000-0000-00005A000000}"/>
    <cellStyle name="集計 2 2" xfId="97" xr:uid="{00000000-0005-0000-0000-00005B000000}"/>
    <cellStyle name="出力 2" xfId="98" xr:uid="{00000000-0005-0000-0000-00005C000000}"/>
    <cellStyle name="出力 2 2" xfId="99" xr:uid="{00000000-0005-0000-0000-00005D000000}"/>
    <cellStyle name="説明文 2" xfId="100" xr:uid="{00000000-0005-0000-0000-00005E000000}"/>
    <cellStyle name="説明文 2 2" xfId="101" xr:uid="{00000000-0005-0000-0000-00005F000000}"/>
    <cellStyle name="入力 2" xfId="102" xr:uid="{00000000-0005-0000-0000-000060000000}"/>
    <cellStyle name="入力 2 2" xfId="103" xr:uid="{00000000-0005-0000-0000-000061000000}"/>
    <cellStyle name="標準" xfId="0" builtinId="0"/>
    <cellStyle name="標準 10" xfId="104" xr:uid="{00000000-0005-0000-0000-000063000000}"/>
    <cellStyle name="標準 10 2" xfId="105" xr:uid="{00000000-0005-0000-0000-000064000000}"/>
    <cellStyle name="標準 11" xfId="106" xr:uid="{00000000-0005-0000-0000-000065000000}"/>
    <cellStyle name="標準 11 2" xfId="107" xr:uid="{00000000-0005-0000-0000-000066000000}"/>
    <cellStyle name="標準 12" xfId="108" xr:uid="{00000000-0005-0000-0000-000067000000}"/>
    <cellStyle name="標準 12 2" xfId="109" xr:uid="{00000000-0005-0000-0000-000068000000}"/>
    <cellStyle name="標準 13" xfId="110" xr:uid="{00000000-0005-0000-0000-000069000000}"/>
    <cellStyle name="標準 13 2" xfId="111" xr:uid="{00000000-0005-0000-0000-00006A000000}"/>
    <cellStyle name="標準 14" xfId="112" xr:uid="{00000000-0005-0000-0000-00006B000000}"/>
    <cellStyle name="標準 14 2" xfId="113" xr:uid="{00000000-0005-0000-0000-00006C000000}"/>
    <cellStyle name="標準 15" xfId="114" xr:uid="{00000000-0005-0000-0000-00006D000000}"/>
    <cellStyle name="標準 16" xfId="115" xr:uid="{00000000-0005-0000-0000-00006E000000}"/>
    <cellStyle name="標準 2" xfId="2" xr:uid="{00000000-0005-0000-0000-00006F000000}"/>
    <cellStyle name="標準 2 2" xfId="116" xr:uid="{00000000-0005-0000-0000-000070000000}"/>
    <cellStyle name="標準 2 2 2" xfId="117" xr:uid="{00000000-0005-0000-0000-000071000000}"/>
    <cellStyle name="標準 2 3" xfId="118" xr:uid="{00000000-0005-0000-0000-000072000000}"/>
    <cellStyle name="標準 2_02 架設支保工 施工合理化調査表" xfId="119" xr:uid="{00000000-0005-0000-0000-000073000000}"/>
    <cellStyle name="標準 3" xfId="6" xr:uid="{00000000-0005-0000-0000-000074000000}"/>
    <cellStyle name="標準 3 2" xfId="120" xr:uid="{00000000-0005-0000-0000-000075000000}"/>
    <cellStyle name="標準 4" xfId="7" xr:uid="{00000000-0005-0000-0000-000076000000}"/>
    <cellStyle name="標準 4 2" xfId="121" xr:uid="{00000000-0005-0000-0000-000077000000}"/>
    <cellStyle name="標準 5" xfId="122" xr:uid="{00000000-0005-0000-0000-000078000000}"/>
    <cellStyle name="標準 5 2" xfId="123" xr:uid="{00000000-0005-0000-0000-000079000000}"/>
    <cellStyle name="標準 5_様7 工種別" xfId="124" xr:uid="{00000000-0005-0000-0000-00007A000000}"/>
    <cellStyle name="標準 6" xfId="125" xr:uid="{00000000-0005-0000-0000-00007B000000}"/>
    <cellStyle name="標準 6 2" xfId="126" xr:uid="{00000000-0005-0000-0000-00007C000000}"/>
    <cellStyle name="標準 7" xfId="127" xr:uid="{00000000-0005-0000-0000-00007D000000}"/>
    <cellStyle name="標準 7 2" xfId="128" xr:uid="{00000000-0005-0000-0000-00007E000000}"/>
    <cellStyle name="標準 8" xfId="129" xr:uid="{00000000-0005-0000-0000-00007F000000}"/>
    <cellStyle name="標準 8 2" xfId="130" xr:uid="{00000000-0005-0000-0000-000080000000}"/>
    <cellStyle name="標準 9" xfId="131" xr:uid="{00000000-0005-0000-0000-000081000000}"/>
    <cellStyle name="標準 9 2" xfId="132" xr:uid="{00000000-0005-0000-0000-000082000000}"/>
    <cellStyle name="標準_石積（張）工調査表(H14)" xfId="3" xr:uid="{00000000-0005-0000-0000-000083000000}"/>
    <cellStyle name="標準_特殊ブロック調査要領" xfId="4" xr:uid="{00000000-0005-0000-0000-000084000000}"/>
    <cellStyle name="未定義" xfId="133" xr:uid="{00000000-0005-0000-0000-000085000000}"/>
    <cellStyle name="未定義 2" xfId="134" xr:uid="{00000000-0005-0000-0000-000086000000}"/>
    <cellStyle name="良い 2" xfId="135" xr:uid="{00000000-0005-0000-0000-000087000000}"/>
    <cellStyle name="良い 2 2" xfId="136" xr:uid="{00000000-0005-0000-0000-000088000000}"/>
  </cellStyles>
  <dxfs count="0"/>
  <tableStyles count="0" defaultTableStyle="TableStyleMedium2" defaultPivotStyle="PivotStyleLight16"/>
  <colors>
    <mruColors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BANSV1\eranet\&#31309;&#31639;&#25216;&#34899;&#37096;\353&#25216;&#34899;&#35519;&#26619;&#23460;\2013353012_&#21271;&#38520;&#22320;&#25972;_&#26045;&#24037;&#24418;&#24907;(&#21332;&#23450;)\04_&#35519;&#26619;&#31080;\&#12414;&#12392;&#12417;&#12501;&#12457;&#12523;&#12480;\16-&#9317;-1_&#65328;&#65315;&#27211;&#26550;&#35373;&#24037;_&#21512;&#29702;_&#36817;&#30079;&#10004;\&#9733;&#35519;&#26619;&#34920;&#12398;&#12415;&#65288;16-&#9317;-1&#65289;\16-&#9317;_&#21512;&#29702;_PC&#27211;&#26550;&#35373;_84_H25&#23500;&#23665;&#30476;&#12539;&#20175;&#29983;&#23546;&#24029;&#27827;&#24029;&#28797;&#23475;&#38306;&#36899;&#22823;&#35226;&#21475;&#22823;&#27211;&#19978;&#37096;&#2403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kpc11\f\10&#24314;&#35373;&#25216;&#34899;&#20225;&#30011;&#35506;\&#25216;&#34899;&#25351;&#23566;&#20418;\&#9734;&#24179;&#25104;30&#24180;&#24230;&#26045;&#24037;&#21512;&#29702;&#21270;&#31561;&#35519;&#26619;\H30&#23455;&#26045;&#35201;&#38936;&#12539;&#35519;&#26619;&#34920;\&#9312;H30&#26045;&#24037;&#21512;&#29702;&#21270;&#35519;&#26619;&#12304;&#37197;&#24067;&#29992;&#12305;\9-&#9313;-1&#12289;9-&#9313;-4_&#21512;&#29702;&#21270;_&#12467;&#12531;&#12463;&#12522;&#12540;&#12488;&#24037;&#65288;&#30722;&#38450;&#65289;&#12289;&#30722;&#38450;&#12467;&#12531;&#12463;&#12522;&#12540;&#12488;&#29983;&#29987;&#65288;&#12511;&#12461;&#12469;&#12395;&#12424;&#12427;&#28151;&#21512;&#65289;&#24037;_84_H3004\9-&#9313;-1&#12289;9-&#9313;-4_&#21512;&#29702;&#21270;_&#12467;&#12531;&#12463;&#12522;&#12540;&#12488;&#24037;&#65288;&#30722;&#38450;&#65289;&#12289;&#30722;&#38450;&#12467;&#12531;&#12463;&#12522;&#12540;&#12488;&#29983;&#29987;&#65288;&#12511;&#12461;&#12469;&#12395;&#12424;&#12427;&#28151;&#21512;&#65289;&#24037;_84_H3004_&#35519;&#26619;&#3492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intrakawasaki.city.kawasaki.jp/attach/office/memo/2010_78338/9&#9315;_&#30722;&#38450;&#12477;&#12452;&#12523;&#12475;&#12513;&#12531;&#12488;&#24037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s150\Users\001485\Desktop\9-&#9316;-1_&#21512;&#29702;&#21270;_&#37628;&#35069;&#30722;&#38450;&#24037;_84_H27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02.251.13.212\10_m&#25216;&#34899;&#37096;\Documents%20and%20Settings\mente\&#12487;&#12473;&#12463;&#12488;&#12483;&#12503;\&#25351;&#31034;&#36039;&#26009;\&#12304;94&#65393;&#65405;&#65420;&#65383;&#65433;&#65412;&#33303;&#35013;&#24037;&#12305;%20H20&#35519;&#26619;&#34920;&#65288;&#35352;&#20837;&#20363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10\eranet\Documents%20and%20Settings\82660085\&#12487;&#12473;&#12463;&#12488;&#12483;&#12503;\&#9314;&#12304;&#20849;&#36890;&#12305;&#35519;&#26619;&#3492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BANSV1\eranet\Documents%20and%20Settings\82660085\&#12487;&#12473;&#12463;&#12488;&#12483;&#12503;\&#9314;&#12304;&#20849;&#36890;&#12305;&#35519;&#26619;&#3492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32.7.2\&#20225;&#30011;&#37096;&#26045;&#24037;&#20225;&#30011;&#35506;\H27&#26481;&#21271;\&#38634;&#23506;&#20206;&#22258;&#12356;&#24037;\&#36275;&#22580;&#24037;&#65288;&#20013;&#37096;&#65289;\120525_02%20&#25903;&#20445;&#24037;%20&#26045;&#24037;&#21512;&#29702;&#21270;&#35519;&#2661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様0 ﾁｪｯｸ表"/>
      <sheetName val="様1-1 工事概要"/>
      <sheetName val="様1-2 橋概要"/>
      <sheetName val="様2 機械器具"/>
      <sheetName val="様3 材料"/>
      <sheetName val="様4 仮設材"/>
      <sheetName val="様5 工程"/>
      <sheetName val="様5 工程 (2)"/>
      <sheetName val="様6 日報"/>
      <sheetName val="様7-1 "/>
      <sheetName val="様7-1（2）"/>
      <sheetName val="様7-2"/>
      <sheetName val="様７-3"/>
      <sheetName val="様７-4"/>
      <sheetName val="様7-5"/>
      <sheetName val="様7-6"/>
      <sheetName val="様7-7"/>
      <sheetName val="様7-8"/>
      <sheetName val="様7-9"/>
      <sheetName val="様7-10"/>
      <sheetName val="様7-11"/>
      <sheetName val="様7-12"/>
      <sheetName val="様7-13"/>
      <sheetName val="様7-14"/>
      <sheetName val="様7-15"/>
      <sheetName val="様7-16"/>
      <sheetName val="様7-17"/>
      <sheetName val="様7-18"/>
      <sheetName val="様7-19"/>
      <sheetName val="様7-20"/>
      <sheetName val="様7-21"/>
      <sheetName val="様7-22"/>
      <sheetName val="様7-23"/>
      <sheetName val="様7-24"/>
      <sheetName val="様7-25"/>
      <sheetName val="様7-26"/>
      <sheetName val="様7-27"/>
      <sheetName val="様7-28"/>
      <sheetName val="様7-29"/>
      <sheetName val="様7-30"/>
      <sheetName val="様7-31"/>
      <sheetName val="様8　施工状況写真"/>
      <sheetName val="様9　創意工夫状況調査表"/>
    </sheetNames>
    <sheetDataSet>
      <sheetData sheetId="0"/>
      <sheetData sheetId="1"/>
      <sheetData sheetId="2"/>
      <sheetData sheetId="3"/>
      <sheetData sheetId="4">
        <row r="83">
          <cell r="AM83" t="str">
            <v>ﾌﾞｰﾑ式</v>
          </cell>
          <cell r="AN83" t="str">
            <v>配管式</v>
          </cell>
        </row>
      </sheetData>
      <sheetData sheetId="5"/>
      <sheetData sheetId="6"/>
      <sheetData sheetId="7"/>
      <sheetData sheetId="8"/>
      <sheetData sheetId="9"/>
      <sheetData sheetId="10"/>
      <sheetData sheetId="11">
        <row r="45">
          <cell r="E45" t="str">
            <v>台</v>
          </cell>
          <cell r="F45" t="str">
            <v>m2</v>
          </cell>
        </row>
        <row r="46">
          <cell r="E46" t="str">
            <v>基</v>
          </cell>
          <cell r="F46" t="str">
            <v>m3</v>
          </cell>
        </row>
        <row r="47">
          <cell r="E47" t="str">
            <v>組</v>
          </cell>
          <cell r="F47" t="str">
            <v>ｍ</v>
          </cell>
        </row>
        <row r="48">
          <cell r="F48" t="str">
            <v>km</v>
          </cell>
        </row>
        <row r="49">
          <cell r="F49" t="str">
            <v>本</v>
          </cell>
        </row>
        <row r="50">
          <cell r="F50" t="str">
            <v>個</v>
          </cell>
        </row>
        <row r="51">
          <cell r="F51" t="str">
            <v>枚</v>
          </cell>
        </row>
        <row r="52">
          <cell r="F52" t="str">
            <v>基</v>
          </cell>
        </row>
        <row r="53">
          <cell r="F53" t="str">
            <v>ｔ</v>
          </cell>
        </row>
        <row r="54">
          <cell r="F54" t="str">
            <v>kg</v>
          </cell>
        </row>
        <row r="55">
          <cell r="F55" t="str">
            <v>Ｌ</v>
          </cell>
        </row>
        <row r="56">
          <cell r="F56" t="str">
            <v>掛m2</v>
          </cell>
        </row>
        <row r="57">
          <cell r="F57" t="str">
            <v>空m3</v>
          </cell>
        </row>
        <row r="58">
          <cell r="F58" t="str">
            <v>箇所</v>
          </cell>
        </row>
        <row r="59">
          <cell r="F59" t="str">
            <v>回</v>
          </cell>
        </row>
        <row r="60">
          <cell r="F60" t="str">
            <v>組</v>
          </cell>
        </row>
        <row r="61">
          <cell r="F61" t="str">
            <v>株</v>
          </cell>
        </row>
        <row r="62">
          <cell r="F62" t="str">
            <v>鉢</v>
          </cell>
        </row>
        <row r="63">
          <cell r="F63" t="str">
            <v>台</v>
          </cell>
        </row>
        <row r="64">
          <cell r="F64" t="str">
            <v>基</v>
          </cell>
        </row>
        <row r="65">
          <cell r="F65" t="str">
            <v>組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様式-0"/>
      <sheetName val="様式-1"/>
      <sheetName val="様式-2"/>
      <sheetName val="様式-3"/>
      <sheetName val="様式-4-1"/>
      <sheetName val="様式-4-2"/>
      <sheetName val="様式-4-3-1"/>
      <sheetName val="様式-4-3-2"/>
      <sheetName val="様式-4-4"/>
      <sheetName val="様式-4-5"/>
      <sheetName val="様式-4-6"/>
      <sheetName val="様式-4-7"/>
      <sheetName val="様式-4-8"/>
      <sheetName val="様式-4-9-1"/>
      <sheetName val="様式-4-9-2"/>
      <sheetName val="様式-4-10"/>
      <sheetName val="様式-4-11"/>
      <sheetName val="様式-5"/>
      <sheetName val="様式-6"/>
      <sheetName val="様式-7"/>
      <sheetName val="様式-8（アンケート）"/>
      <sheetName val="ﾘｽﾄ"/>
    </sheetNames>
    <sheetDataSet>
      <sheetData sheetId="0" refreshError="1"/>
      <sheetData sheetId="1" refreshError="1"/>
      <sheetData sheetId="2"/>
      <sheetData sheetId="3">
        <row r="24">
          <cell r="A24">
            <v>1</v>
          </cell>
          <cell r="C24" t="str">
            <v>ラフテレーンクレーン</v>
          </cell>
          <cell r="K24" t="str">
            <v>ｔ吊</v>
          </cell>
          <cell r="BF24" t="str">
            <v>:</v>
          </cell>
        </row>
        <row r="25">
          <cell r="A25">
            <v>2</v>
          </cell>
          <cell r="C25" t="str">
            <v>ウインチ（ケーブルクレーン）</v>
          </cell>
          <cell r="L25" t="str">
            <v>ｔ</v>
          </cell>
          <cell r="BF25" t="str">
            <v>:</v>
          </cell>
        </row>
        <row r="26">
          <cell r="A26">
            <v>3</v>
          </cell>
          <cell r="C26" t="str">
            <v>空気圧縮機</v>
          </cell>
          <cell r="K26" t="str">
            <v>m3/min</v>
          </cell>
          <cell r="BF26" t="str">
            <v>:</v>
          </cell>
        </row>
        <row r="27">
          <cell r="A27">
            <v>4</v>
          </cell>
          <cell r="C27" t="str">
            <v>削岩機</v>
          </cell>
          <cell r="K27" t="str">
            <v>kg級</v>
          </cell>
          <cell r="BF27" t="str">
            <v>:</v>
          </cell>
        </row>
        <row r="28">
          <cell r="A28">
            <v>5</v>
          </cell>
          <cell r="C28" t="str">
            <v>高圧洗浄機</v>
          </cell>
          <cell r="K28" t="str">
            <v>L/min</v>
          </cell>
          <cell r="BF28" t="str">
            <v>:</v>
          </cell>
        </row>
        <row r="29">
          <cell r="A29">
            <v>6</v>
          </cell>
          <cell r="C29" t="str">
            <v>工事用水中ポンプ</v>
          </cell>
          <cell r="H29" t="str">
            <v>φ</v>
          </cell>
          <cell r="J29" t="str">
            <v>mm</v>
          </cell>
          <cell r="L29" t="str">
            <v>m</v>
          </cell>
          <cell r="BF29" t="str">
            <v>:</v>
          </cell>
        </row>
        <row r="30">
          <cell r="A30">
            <v>7</v>
          </cell>
          <cell r="C30" t="str">
            <v>コンクリートバケット</v>
          </cell>
          <cell r="L30" t="str">
            <v>m3</v>
          </cell>
          <cell r="BF30" t="str">
            <v>:</v>
          </cell>
        </row>
        <row r="31">
          <cell r="A31">
            <v>8</v>
          </cell>
          <cell r="C31" t="str">
            <v>バイブレータ</v>
          </cell>
          <cell r="H31" t="str">
            <v>φ</v>
          </cell>
          <cell r="J31" t="str">
            <v>mm</v>
          </cell>
          <cell r="L31" t="str">
            <v>mm</v>
          </cell>
          <cell r="BF31" t="str">
            <v>:</v>
          </cell>
        </row>
        <row r="32">
          <cell r="A32">
            <v>9</v>
          </cell>
          <cell r="C32" t="str">
            <v>高周波発電機</v>
          </cell>
          <cell r="L32" t="str">
            <v>KVA</v>
          </cell>
          <cell r="BF32" t="str">
            <v>:</v>
          </cell>
        </row>
        <row r="33">
          <cell r="A33">
            <v>10</v>
          </cell>
          <cell r="C33" t="str">
            <v>高周波インバータ</v>
          </cell>
          <cell r="L33" t="str">
            <v>KVA</v>
          </cell>
          <cell r="BF33" t="str">
            <v>:</v>
          </cell>
        </row>
        <row r="34">
          <cell r="A34">
            <v>11</v>
          </cell>
          <cell r="C34" t="str">
            <v>発電機</v>
          </cell>
          <cell r="L34" t="str">
            <v>kVA</v>
          </cell>
          <cell r="BF34" t="str">
            <v>:</v>
          </cell>
        </row>
        <row r="35">
          <cell r="A35">
            <v>12</v>
          </cell>
          <cell r="C35" t="str">
            <v>溶接機</v>
          </cell>
          <cell r="L35" t="str">
            <v>A</v>
          </cell>
          <cell r="BF35" t="str">
            <v>:</v>
          </cell>
        </row>
        <row r="36">
          <cell r="A36">
            <v>13</v>
          </cell>
          <cell r="C36" t="str">
            <v>インパクトドライバー</v>
          </cell>
          <cell r="BF36" t="str">
            <v>:</v>
          </cell>
        </row>
        <row r="37">
          <cell r="A37">
            <v>14</v>
          </cell>
          <cell r="C37" t="str">
            <v>電動ノコギリ</v>
          </cell>
          <cell r="BF37" t="str">
            <v>:</v>
          </cell>
        </row>
        <row r="38">
          <cell r="A38">
            <v>15</v>
          </cell>
          <cell r="C38" t="str">
            <v>コンクリートポンプ車</v>
          </cell>
          <cell r="BF38" t="str">
            <v>:</v>
          </cell>
        </row>
        <row r="39">
          <cell r="A39">
            <v>16</v>
          </cell>
          <cell r="C39" t="str">
            <v>バックホウ</v>
          </cell>
          <cell r="BF39" t="str">
            <v>:</v>
          </cell>
        </row>
        <row r="40">
          <cell r="A40">
            <v>17</v>
          </cell>
          <cell r="C40" t="str">
            <v>ジェットヒーター</v>
          </cell>
          <cell r="BF40" t="str">
            <v>:</v>
          </cell>
        </row>
        <row r="41">
          <cell r="A41">
            <v>18</v>
          </cell>
          <cell r="C41" t="str">
            <v>コンクリートバケット</v>
          </cell>
          <cell r="BF41" t="str">
            <v>:</v>
          </cell>
        </row>
        <row r="42">
          <cell r="A42">
            <v>19</v>
          </cell>
          <cell r="C42" t="str">
            <v>スパイキハンマー</v>
          </cell>
          <cell r="BF42" t="str">
            <v>:</v>
          </cell>
        </row>
        <row r="43">
          <cell r="A43">
            <v>20</v>
          </cell>
          <cell r="C43" t="str">
            <v>ツインヘッダ</v>
          </cell>
          <cell r="BF43" t="str">
            <v>:</v>
          </cell>
        </row>
        <row r="44">
          <cell r="A44">
            <v>21</v>
          </cell>
          <cell r="C44" t="str">
            <v>コンクリートミキサ</v>
          </cell>
          <cell r="BF44" t="str">
            <v>:</v>
          </cell>
        </row>
        <row r="45">
          <cell r="A45">
            <v>22</v>
          </cell>
          <cell r="C45" t="str">
            <v>ベルトコンベヤ</v>
          </cell>
          <cell r="BF45" t="str">
            <v>:</v>
          </cell>
        </row>
        <row r="46">
          <cell r="A46">
            <v>23</v>
          </cell>
          <cell r="C46" t="str">
            <v>計量器</v>
          </cell>
          <cell r="BF46" t="str">
            <v>:</v>
          </cell>
        </row>
        <row r="47">
          <cell r="A47">
            <v>24</v>
          </cell>
          <cell r="C47" t="str">
            <v>ハンマドリル</v>
          </cell>
          <cell r="BF47" t="str">
            <v>:</v>
          </cell>
        </row>
        <row r="48">
          <cell r="A48">
            <v>25</v>
          </cell>
          <cell r="BF48" t="str">
            <v>:</v>
          </cell>
        </row>
        <row r="49">
          <cell r="A49">
            <v>26</v>
          </cell>
          <cell r="BF49" t="str">
            <v>:</v>
          </cell>
        </row>
        <row r="50">
          <cell r="A50">
            <v>27</v>
          </cell>
          <cell r="BF50" t="str">
            <v>:</v>
          </cell>
        </row>
        <row r="51">
          <cell r="A51">
            <v>28</v>
          </cell>
          <cell r="BF51" t="str">
            <v>:</v>
          </cell>
        </row>
        <row r="52">
          <cell r="A52">
            <v>29</v>
          </cell>
          <cell r="BF52" t="str">
            <v>:</v>
          </cell>
        </row>
        <row r="53">
          <cell r="A53">
            <v>30</v>
          </cell>
          <cell r="BF53" t="str">
            <v>:</v>
          </cell>
        </row>
        <row r="54">
          <cell r="A54">
            <v>31</v>
          </cell>
          <cell r="BF54" t="str">
            <v>:</v>
          </cell>
        </row>
        <row r="55">
          <cell r="A55">
            <v>32</v>
          </cell>
          <cell r="BF55" t="str">
            <v>:</v>
          </cell>
        </row>
        <row r="56">
          <cell r="A56">
            <v>33</v>
          </cell>
          <cell r="BF56" t="str">
            <v>:</v>
          </cell>
        </row>
        <row r="57">
          <cell r="A57">
            <v>34</v>
          </cell>
          <cell r="BF57" t="str">
            <v>:</v>
          </cell>
        </row>
        <row r="58">
          <cell r="A58">
            <v>35</v>
          </cell>
          <cell r="BF58" t="str">
            <v>:</v>
          </cell>
        </row>
        <row r="59">
          <cell r="A59">
            <v>36</v>
          </cell>
          <cell r="BF59" t="str">
            <v>:</v>
          </cell>
        </row>
        <row r="60">
          <cell r="A60">
            <v>37</v>
          </cell>
          <cell r="BF60" t="str">
            <v>:</v>
          </cell>
        </row>
        <row r="61">
          <cell r="A61">
            <v>38</v>
          </cell>
          <cell r="BF61" t="str">
            <v>:</v>
          </cell>
        </row>
        <row r="62">
          <cell r="A62">
            <v>39</v>
          </cell>
          <cell r="BF62" t="str">
            <v>:</v>
          </cell>
        </row>
        <row r="63">
          <cell r="A63">
            <v>40</v>
          </cell>
          <cell r="BF63" t="str">
            <v>:</v>
          </cell>
        </row>
      </sheetData>
      <sheetData sheetId="4">
        <row r="11">
          <cell r="A11">
            <v>1</v>
          </cell>
          <cell r="C11" t="str">
            <v>チゼル</v>
          </cell>
          <cell r="AL11" t="str">
            <v>:</v>
          </cell>
        </row>
        <row r="12">
          <cell r="A12">
            <v>2</v>
          </cell>
          <cell r="C12" t="str">
            <v>スコップ</v>
          </cell>
          <cell r="AL12" t="str">
            <v>:</v>
          </cell>
        </row>
        <row r="13">
          <cell r="A13">
            <v>3</v>
          </cell>
          <cell r="C13" t="str">
            <v>ツルハシ</v>
          </cell>
          <cell r="AL13" t="str">
            <v>:</v>
          </cell>
        </row>
        <row r="14">
          <cell r="A14">
            <v>4</v>
          </cell>
          <cell r="C14" t="str">
            <v>鋼製型枠</v>
          </cell>
          <cell r="AL14" t="str">
            <v>:</v>
          </cell>
        </row>
        <row r="15">
          <cell r="A15">
            <v>5</v>
          </cell>
          <cell r="C15" t="str">
            <v>木製型枠</v>
          </cell>
          <cell r="AL15" t="str">
            <v>:</v>
          </cell>
        </row>
        <row r="16">
          <cell r="A16">
            <v>6</v>
          </cell>
          <cell r="C16" t="str">
            <v>化粧型枠</v>
          </cell>
          <cell r="AL16" t="str">
            <v>:</v>
          </cell>
        </row>
        <row r="17">
          <cell r="A17">
            <v>7</v>
          </cell>
          <cell r="C17" t="str">
            <v>丸パイプ（型枠工用）</v>
          </cell>
          <cell r="AL17" t="str">
            <v>:</v>
          </cell>
        </row>
        <row r="18">
          <cell r="A18">
            <v>8</v>
          </cell>
          <cell r="C18" t="str">
            <v>フォームタイ</v>
          </cell>
          <cell r="AL18" t="str">
            <v>:</v>
          </cell>
        </row>
        <row r="19">
          <cell r="A19">
            <v>9</v>
          </cell>
          <cell r="C19" t="str">
            <v>Ｐコン</v>
          </cell>
          <cell r="AL19" t="str">
            <v>:</v>
          </cell>
        </row>
        <row r="20">
          <cell r="A20">
            <v>10</v>
          </cell>
          <cell r="C20" t="str">
            <v>セパレータ</v>
          </cell>
          <cell r="AL20" t="str">
            <v>:</v>
          </cell>
        </row>
        <row r="21">
          <cell r="A21">
            <v>11</v>
          </cell>
          <cell r="C21" t="str">
            <v>丸綱</v>
          </cell>
          <cell r="AL21" t="str">
            <v>:</v>
          </cell>
        </row>
        <row r="22">
          <cell r="A22">
            <v>12</v>
          </cell>
          <cell r="C22" t="str">
            <v>剥離材</v>
          </cell>
          <cell r="AL22" t="str">
            <v>:</v>
          </cell>
        </row>
        <row r="23">
          <cell r="A23">
            <v>13</v>
          </cell>
          <cell r="C23" t="str">
            <v>止水板</v>
          </cell>
          <cell r="AL23" t="str">
            <v>:</v>
          </cell>
        </row>
        <row r="24">
          <cell r="A24">
            <v>14</v>
          </cell>
          <cell r="C24" t="str">
            <v>圧着器</v>
          </cell>
          <cell r="AL24" t="str">
            <v>:</v>
          </cell>
        </row>
        <row r="25">
          <cell r="A25">
            <v>15</v>
          </cell>
          <cell r="C25" t="str">
            <v>キャットウォーク</v>
          </cell>
          <cell r="AL25" t="str">
            <v>:</v>
          </cell>
        </row>
        <row r="26">
          <cell r="A26">
            <v>16</v>
          </cell>
          <cell r="C26" t="str">
            <v>丸パイプ（足場工用）</v>
          </cell>
          <cell r="AL26" t="str">
            <v>:</v>
          </cell>
        </row>
        <row r="27">
          <cell r="A27">
            <v>17</v>
          </cell>
          <cell r="C27" t="str">
            <v>直交クランプ</v>
          </cell>
          <cell r="AL27" t="str">
            <v>:</v>
          </cell>
        </row>
        <row r="28">
          <cell r="A28">
            <v>18</v>
          </cell>
          <cell r="C28" t="str">
            <v>番線</v>
          </cell>
          <cell r="AL28" t="str">
            <v>:</v>
          </cell>
        </row>
        <row r="29">
          <cell r="A29">
            <v>19</v>
          </cell>
          <cell r="C29" t="str">
            <v>足場板</v>
          </cell>
          <cell r="AL29" t="str">
            <v>:</v>
          </cell>
        </row>
        <row r="30">
          <cell r="A30">
            <v>20</v>
          </cell>
          <cell r="C30" t="str">
            <v>安全ネット</v>
          </cell>
          <cell r="AL30" t="str">
            <v>:</v>
          </cell>
        </row>
        <row r="31">
          <cell r="A31">
            <v>21</v>
          </cell>
          <cell r="C31" t="str">
            <v>生コンクリート</v>
          </cell>
          <cell r="AL31" t="str">
            <v>:</v>
          </cell>
        </row>
        <row r="32">
          <cell r="A32">
            <v>22</v>
          </cell>
          <cell r="C32" t="str">
            <v>養生マット</v>
          </cell>
          <cell r="AL32" t="str">
            <v>:</v>
          </cell>
        </row>
        <row r="33">
          <cell r="A33">
            <v>23</v>
          </cell>
          <cell r="C33" t="str">
            <v>練炭</v>
          </cell>
          <cell r="AL33" t="str">
            <v>:</v>
          </cell>
        </row>
        <row r="34">
          <cell r="A34">
            <v>24</v>
          </cell>
          <cell r="AL34" t="str">
            <v>:</v>
          </cell>
        </row>
        <row r="35">
          <cell r="A35">
            <v>25</v>
          </cell>
          <cell r="AL35" t="str">
            <v>:</v>
          </cell>
        </row>
        <row r="36">
          <cell r="A36">
            <v>26</v>
          </cell>
          <cell r="AL36" t="str">
            <v>:</v>
          </cell>
        </row>
        <row r="37">
          <cell r="A37">
            <v>27</v>
          </cell>
          <cell r="AL37" t="str">
            <v>:</v>
          </cell>
        </row>
        <row r="38">
          <cell r="A38">
            <v>28</v>
          </cell>
          <cell r="AL38" t="str">
            <v>:</v>
          </cell>
        </row>
        <row r="39">
          <cell r="A39">
            <v>29</v>
          </cell>
          <cell r="AL39" t="str">
            <v>:</v>
          </cell>
        </row>
        <row r="40">
          <cell r="A40">
            <v>30</v>
          </cell>
          <cell r="AL40" t="str">
            <v>:</v>
          </cell>
        </row>
        <row r="41">
          <cell r="A41">
            <v>31</v>
          </cell>
          <cell r="AL41" t="str">
            <v>:</v>
          </cell>
        </row>
        <row r="42">
          <cell r="A42">
            <v>32</v>
          </cell>
          <cell r="AL42" t="str">
            <v>:</v>
          </cell>
        </row>
        <row r="43">
          <cell r="A43">
            <v>33</v>
          </cell>
          <cell r="AL43" t="str">
            <v>:</v>
          </cell>
        </row>
        <row r="44">
          <cell r="A44">
            <v>34</v>
          </cell>
          <cell r="AL44" t="str">
            <v>:</v>
          </cell>
        </row>
        <row r="45">
          <cell r="A45">
            <v>35</v>
          </cell>
          <cell r="AL45" t="str">
            <v>:</v>
          </cell>
        </row>
        <row r="46">
          <cell r="A46">
            <v>36</v>
          </cell>
          <cell r="AL46" t="str">
            <v>:</v>
          </cell>
        </row>
        <row r="47">
          <cell r="A47">
            <v>37</v>
          </cell>
          <cell r="AL47" t="str">
            <v>:</v>
          </cell>
        </row>
        <row r="48">
          <cell r="A48">
            <v>38</v>
          </cell>
          <cell r="AL48" t="str">
            <v>:</v>
          </cell>
        </row>
        <row r="49">
          <cell r="A49">
            <v>39</v>
          </cell>
          <cell r="AL49" t="str">
            <v>:</v>
          </cell>
        </row>
        <row r="50">
          <cell r="A50">
            <v>40</v>
          </cell>
          <cell r="AL50" t="str">
            <v>: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>
        <row r="3">
          <cell r="B3" t="str">
            <v>01：国土交通省（港湾）</v>
          </cell>
          <cell r="C3" t="str">
            <v>01：北海道開発局</v>
          </cell>
          <cell r="AE3" t="str">
            <v>1日</v>
          </cell>
          <cell r="AS3" t="str">
            <v>a.5年未満</v>
          </cell>
        </row>
        <row r="4">
          <cell r="B4" t="str">
            <v>02：国土交通省（航空）</v>
          </cell>
          <cell r="C4" t="str">
            <v>02：東北農政局</v>
          </cell>
          <cell r="AE4" t="str">
            <v>2日</v>
          </cell>
          <cell r="AS4" t="str">
            <v>b.5年以上10年未満</v>
          </cell>
        </row>
        <row r="5">
          <cell r="B5" t="str">
            <v>03：国土交通省（河川・道路等）</v>
          </cell>
          <cell r="C5" t="str">
            <v>03：関東農政局</v>
          </cell>
          <cell r="AE5" t="str">
            <v>3日</v>
          </cell>
          <cell r="AS5" t="str">
            <v>c.10年以上15年未満</v>
          </cell>
        </row>
        <row r="6">
          <cell r="B6" t="str">
            <v>04：内閣府</v>
          </cell>
          <cell r="C6" t="str">
            <v>04：北陸農政局</v>
          </cell>
          <cell r="AE6" t="str">
            <v>4日</v>
          </cell>
          <cell r="AS6" t="str">
            <v>d.15年以上20年未満</v>
          </cell>
        </row>
        <row r="7">
          <cell r="B7" t="str">
            <v>05：地方自治体</v>
          </cell>
          <cell r="C7" t="str">
            <v>05：東海農政局</v>
          </cell>
          <cell r="AE7" t="str">
            <v>5日</v>
          </cell>
          <cell r="AS7" t="str">
            <v>e.20年以上25年未満</v>
          </cell>
        </row>
        <row r="8">
          <cell r="C8" t="str">
            <v>06：近畿農政局</v>
          </cell>
          <cell r="AE8" t="str">
            <v>6日</v>
          </cell>
          <cell r="AS8" t="str">
            <v>ｆ.25年以上30年未満</v>
          </cell>
        </row>
        <row r="9">
          <cell r="C9" t="str">
            <v>07：中国四国農政局</v>
          </cell>
          <cell r="AE9" t="str">
            <v>7日</v>
          </cell>
          <cell r="AS9" t="str">
            <v>g.30年以上35年未満</v>
          </cell>
        </row>
        <row r="10">
          <cell r="C10" t="str">
            <v>08：九州農政局</v>
          </cell>
          <cell r="AE10" t="str">
            <v>8日</v>
          </cell>
          <cell r="AS10" t="str">
            <v>h.35年以上40年未満</v>
          </cell>
        </row>
        <row r="11">
          <cell r="C11" t="str">
            <v>10：森林総合研究所</v>
          </cell>
          <cell r="AE11" t="str">
            <v>9日</v>
          </cell>
          <cell r="AS11" t="str">
            <v>i.40年以上45年未満</v>
          </cell>
        </row>
        <row r="12">
          <cell r="AE12" t="str">
            <v>10日</v>
          </cell>
          <cell r="AS12" t="str">
            <v>ｊ.45年以上50年未満</v>
          </cell>
        </row>
        <row r="13">
          <cell r="C13" t="str">
            <v>01：沖縄総合事務局</v>
          </cell>
          <cell r="AE13" t="str">
            <v>11日</v>
          </cell>
          <cell r="AS13" t="str">
            <v>k.50年以上55年未満</v>
          </cell>
        </row>
        <row r="14">
          <cell r="AE14" t="str">
            <v>12日</v>
          </cell>
          <cell r="AS14" t="str">
            <v>l.55年以上60年未満</v>
          </cell>
        </row>
        <row r="15">
          <cell r="C15" t="str">
            <v>01：北海道開発局</v>
          </cell>
          <cell r="AE15" t="str">
            <v>13日</v>
          </cell>
          <cell r="AS15" t="str">
            <v>m.60年以上</v>
          </cell>
        </row>
        <row r="16">
          <cell r="C16" t="str">
            <v>02：東北地方整備局</v>
          </cell>
          <cell r="AE16" t="str">
            <v>14日</v>
          </cell>
        </row>
        <row r="17">
          <cell r="C17" t="str">
            <v>03：関東地方整備局</v>
          </cell>
          <cell r="AE17" t="str">
            <v>15日</v>
          </cell>
        </row>
        <row r="18">
          <cell r="C18" t="str">
            <v>04：北陸地方整備局</v>
          </cell>
          <cell r="AE18" t="str">
            <v>16日</v>
          </cell>
        </row>
        <row r="19">
          <cell r="C19" t="str">
            <v>05：中部地方整備局</v>
          </cell>
          <cell r="AE19" t="str">
            <v>17日</v>
          </cell>
        </row>
        <row r="20">
          <cell r="C20" t="str">
            <v>06：近畿地方整備局</v>
          </cell>
          <cell r="AE20" t="str">
            <v>18日</v>
          </cell>
        </row>
        <row r="21">
          <cell r="C21" t="str">
            <v>07：中国地方整備局</v>
          </cell>
          <cell r="AE21" t="str">
            <v>19日</v>
          </cell>
        </row>
        <row r="22">
          <cell r="C22" t="str">
            <v>08：四国地方整備局</v>
          </cell>
          <cell r="AE22" t="str">
            <v>20日</v>
          </cell>
        </row>
        <row r="23">
          <cell r="C23" t="str">
            <v>09：九州地方整備局</v>
          </cell>
          <cell r="AE23" t="str">
            <v>21日</v>
          </cell>
        </row>
        <row r="24">
          <cell r="C24" t="str">
            <v>10：東京航空局</v>
          </cell>
          <cell r="AE24" t="str">
            <v>22日</v>
          </cell>
        </row>
        <row r="25">
          <cell r="C25" t="str">
            <v>11：大阪航空局</v>
          </cell>
          <cell r="AE25" t="str">
            <v>23日</v>
          </cell>
        </row>
        <row r="26">
          <cell r="AE26" t="str">
            <v>24日</v>
          </cell>
        </row>
        <row r="27">
          <cell r="C27" t="str">
            <v>101：北海道</v>
          </cell>
          <cell r="AE27" t="str">
            <v>25日</v>
          </cell>
        </row>
        <row r="28">
          <cell r="C28" t="str">
            <v>102：青森県</v>
          </cell>
          <cell r="AE28" t="str">
            <v>26日</v>
          </cell>
        </row>
        <row r="29">
          <cell r="C29" t="str">
            <v>103：岩手県</v>
          </cell>
          <cell r="AE29" t="str">
            <v>27日</v>
          </cell>
        </row>
        <row r="30">
          <cell r="C30" t="str">
            <v>104：宮城県</v>
          </cell>
          <cell r="AE30" t="str">
            <v>28日</v>
          </cell>
        </row>
        <row r="31">
          <cell r="C31" t="str">
            <v>105：秋田県</v>
          </cell>
          <cell r="AE31" t="str">
            <v>29日</v>
          </cell>
        </row>
        <row r="32">
          <cell r="C32" t="str">
            <v>106：山形県</v>
          </cell>
          <cell r="AE32" t="str">
            <v>30日</v>
          </cell>
        </row>
        <row r="33">
          <cell r="C33" t="str">
            <v>107：福島県</v>
          </cell>
          <cell r="AE33" t="str">
            <v>31日</v>
          </cell>
        </row>
        <row r="34">
          <cell r="C34" t="str">
            <v>108：茨城県</v>
          </cell>
        </row>
        <row r="35">
          <cell r="C35" t="str">
            <v>109：栃木県</v>
          </cell>
          <cell r="AE35" t="str">
            <v>1ヶ月</v>
          </cell>
        </row>
        <row r="36">
          <cell r="C36" t="str">
            <v>110：群馬県</v>
          </cell>
          <cell r="AE36" t="str">
            <v>2ヶ月</v>
          </cell>
        </row>
        <row r="37">
          <cell r="C37" t="str">
            <v>111：埼玉県</v>
          </cell>
          <cell r="AE37" t="str">
            <v>3ヶ月</v>
          </cell>
        </row>
        <row r="38">
          <cell r="C38" t="str">
            <v>112：千葉県</v>
          </cell>
          <cell r="AE38" t="str">
            <v>4ヶ月</v>
          </cell>
        </row>
        <row r="39">
          <cell r="C39" t="str">
            <v>113：東京都</v>
          </cell>
          <cell r="AE39" t="str">
            <v>5ヶ月</v>
          </cell>
        </row>
        <row r="40">
          <cell r="C40" t="str">
            <v>114：神奈川県</v>
          </cell>
          <cell r="AE40" t="str">
            <v>6ヶ月</v>
          </cell>
        </row>
        <row r="41">
          <cell r="C41" t="str">
            <v>115：新潟県</v>
          </cell>
          <cell r="AE41" t="str">
            <v>7ヶ月</v>
          </cell>
        </row>
        <row r="42">
          <cell r="C42" t="str">
            <v>116：富山県</v>
          </cell>
          <cell r="AE42" t="str">
            <v>8ヶ月</v>
          </cell>
        </row>
        <row r="43">
          <cell r="C43" t="str">
            <v>117：石川県</v>
          </cell>
          <cell r="AE43" t="str">
            <v>9ヶ月</v>
          </cell>
        </row>
        <row r="44">
          <cell r="C44" t="str">
            <v>118：福井県</v>
          </cell>
          <cell r="AE44" t="str">
            <v>10ヶ月</v>
          </cell>
        </row>
        <row r="45">
          <cell r="C45" t="str">
            <v>119：山梨県</v>
          </cell>
          <cell r="AE45" t="str">
            <v>11ヶ月</v>
          </cell>
        </row>
        <row r="46">
          <cell r="C46" t="str">
            <v>120：長野県</v>
          </cell>
          <cell r="AE46" t="str">
            <v>12ヶ月</v>
          </cell>
        </row>
        <row r="47">
          <cell r="C47" t="str">
            <v>121：岐阜県</v>
          </cell>
          <cell r="AE47" t="str">
            <v>13ヶ月</v>
          </cell>
        </row>
        <row r="48">
          <cell r="C48" t="str">
            <v>122：静岡県</v>
          </cell>
          <cell r="AE48" t="str">
            <v>14ヶ月</v>
          </cell>
        </row>
        <row r="49">
          <cell r="C49" t="str">
            <v>123：愛知県</v>
          </cell>
          <cell r="AE49" t="str">
            <v>15ヶ月</v>
          </cell>
        </row>
        <row r="50">
          <cell r="C50" t="str">
            <v>124：三重県</v>
          </cell>
          <cell r="AE50" t="str">
            <v>16ヶ月</v>
          </cell>
        </row>
        <row r="51">
          <cell r="C51" t="str">
            <v>125：滋賀県</v>
          </cell>
          <cell r="AE51" t="str">
            <v>17ヶ月</v>
          </cell>
        </row>
        <row r="52">
          <cell r="C52" t="str">
            <v>126：京都府</v>
          </cell>
          <cell r="AE52" t="str">
            <v>18ヶ月</v>
          </cell>
        </row>
        <row r="53">
          <cell r="C53" t="str">
            <v>127：大阪府</v>
          </cell>
          <cell r="AE53" t="str">
            <v>19ヶ月</v>
          </cell>
        </row>
        <row r="54">
          <cell r="C54" t="str">
            <v>128：兵庫県</v>
          </cell>
          <cell r="AE54" t="str">
            <v>20ヶ月</v>
          </cell>
        </row>
        <row r="55">
          <cell r="C55" t="str">
            <v>129：奈良県</v>
          </cell>
          <cell r="AE55" t="str">
            <v>21ヶ月</v>
          </cell>
        </row>
        <row r="56">
          <cell r="C56" t="str">
            <v>130：和歌山県</v>
          </cell>
          <cell r="AE56" t="str">
            <v>22ヶ月</v>
          </cell>
        </row>
        <row r="57">
          <cell r="C57" t="str">
            <v>131：鳥取県</v>
          </cell>
          <cell r="AE57" t="str">
            <v>23ヶ月</v>
          </cell>
        </row>
        <row r="58">
          <cell r="C58" t="str">
            <v>132：島根県</v>
          </cell>
          <cell r="AE58" t="str">
            <v>24ヶ月</v>
          </cell>
        </row>
        <row r="59">
          <cell r="C59" t="str">
            <v>133：岡山県</v>
          </cell>
          <cell r="AE59" t="str">
            <v>25ヶ月</v>
          </cell>
        </row>
        <row r="60">
          <cell r="C60" t="str">
            <v>134：広島県</v>
          </cell>
          <cell r="AE60" t="str">
            <v>26ヶ月</v>
          </cell>
        </row>
        <row r="61">
          <cell r="C61" t="str">
            <v>135：山口県</v>
          </cell>
          <cell r="AE61" t="str">
            <v>27ヶ月</v>
          </cell>
        </row>
        <row r="62">
          <cell r="C62" t="str">
            <v>136：徳島県</v>
          </cell>
          <cell r="AE62" t="str">
            <v>28ヶ月</v>
          </cell>
        </row>
        <row r="63">
          <cell r="C63" t="str">
            <v>137：香川県</v>
          </cell>
          <cell r="AE63" t="str">
            <v>29ヶ月</v>
          </cell>
        </row>
        <row r="64">
          <cell r="C64" t="str">
            <v>138：愛媛県</v>
          </cell>
          <cell r="AE64" t="str">
            <v>30ヶ月</v>
          </cell>
        </row>
        <row r="65">
          <cell r="C65" t="str">
            <v>139：高知県</v>
          </cell>
          <cell r="AE65" t="str">
            <v>31ヶ月</v>
          </cell>
        </row>
        <row r="66">
          <cell r="C66" t="str">
            <v>140：福岡県</v>
          </cell>
          <cell r="AE66" t="str">
            <v>32ヶ月</v>
          </cell>
        </row>
        <row r="67">
          <cell r="C67" t="str">
            <v>141：佐賀県</v>
          </cell>
          <cell r="AE67" t="str">
            <v>33ヶ月</v>
          </cell>
        </row>
        <row r="68">
          <cell r="C68" t="str">
            <v>142：長崎県</v>
          </cell>
          <cell r="AE68" t="str">
            <v>34ヶ月</v>
          </cell>
        </row>
        <row r="69">
          <cell r="C69" t="str">
            <v>143：熊本県</v>
          </cell>
          <cell r="AE69" t="str">
            <v>35ヶ月</v>
          </cell>
        </row>
        <row r="70">
          <cell r="C70" t="str">
            <v>144：大分県</v>
          </cell>
          <cell r="AE70" t="str">
            <v>36ヶ月</v>
          </cell>
        </row>
        <row r="71">
          <cell r="C71" t="str">
            <v>145：宮崎県</v>
          </cell>
        </row>
        <row r="72">
          <cell r="C72" t="str">
            <v>146：鹿児島県</v>
          </cell>
        </row>
        <row r="73">
          <cell r="C73" t="str">
            <v>147：沖縄県</v>
          </cell>
        </row>
        <row r="74">
          <cell r="C74" t="str">
            <v>148：札幌市</v>
          </cell>
        </row>
        <row r="75">
          <cell r="C75" t="str">
            <v>149：川崎市</v>
          </cell>
        </row>
        <row r="76">
          <cell r="C76" t="str">
            <v>150：横浜市</v>
          </cell>
        </row>
        <row r="77">
          <cell r="C77" t="str">
            <v>151：名古屋市</v>
          </cell>
        </row>
        <row r="78">
          <cell r="C78" t="str">
            <v>152：京都市</v>
          </cell>
        </row>
        <row r="79">
          <cell r="C79" t="str">
            <v>153：大阪市</v>
          </cell>
        </row>
        <row r="80">
          <cell r="C80" t="str">
            <v>154：神戸市</v>
          </cell>
        </row>
        <row r="81">
          <cell r="C81" t="str">
            <v>155：北九州市</v>
          </cell>
        </row>
        <row r="82">
          <cell r="C82" t="str">
            <v>156：福岡市</v>
          </cell>
        </row>
        <row r="83">
          <cell r="C83" t="str">
            <v>157：広島市</v>
          </cell>
        </row>
        <row r="84">
          <cell r="C84" t="str">
            <v>158：仙台市</v>
          </cell>
        </row>
        <row r="85">
          <cell r="C85" t="str">
            <v>159：千葉市</v>
          </cell>
        </row>
        <row r="86">
          <cell r="C86" t="str">
            <v>160：さいたま市</v>
          </cell>
        </row>
        <row r="87">
          <cell r="C87" t="str">
            <v>161：静岡市</v>
          </cell>
        </row>
        <row r="88">
          <cell r="C88" t="str">
            <v>162：堺市</v>
          </cell>
        </row>
        <row r="89">
          <cell r="C89" t="str">
            <v>163：新潟市</v>
          </cell>
        </row>
        <row r="90">
          <cell r="C90" t="str">
            <v>164：浜松市</v>
          </cell>
        </row>
        <row r="91">
          <cell r="C91" t="str">
            <v>165：岡山市</v>
          </cell>
        </row>
        <row r="92">
          <cell r="C92" t="str">
            <v>166：相模原市</v>
          </cell>
        </row>
        <row r="93">
          <cell r="C93" t="str">
            <v>167：熊本市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発注者用"/>
      <sheetName val="請負者用"/>
      <sheetName val="砂防ソイルセメント工"/>
      <sheetName val="補足説明"/>
    </sheetNames>
    <sheetDataSet>
      <sheetData sheetId="0" refreshError="1"/>
      <sheetData sheetId="1" refreshError="1"/>
      <sheetData sheetId="2">
        <row r="47">
          <cell r="B47">
            <v>1</v>
          </cell>
          <cell r="C47" t="str">
            <v>バックホウ</v>
          </cell>
          <cell r="G47" t="str">
            <v>型</v>
          </cell>
          <cell r="I47" t="str">
            <v>m3級</v>
          </cell>
          <cell r="AE47" t="str">
            <v/>
          </cell>
        </row>
        <row r="48">
          <cell r="B48">
            <v>2</v>
          </cell>
          <cell r="C48" t="str">
            <v>バックホウ</v>
          </cell>
          <cell r="G48" t="str">
            <v>型</v>
          </cell>
          <cell r="I48" t="str">
            <v>m3級</v>
          </cell>
          <cell r="AE48" t="str">
            <v/>
          </cell>
        </row>
        <row r="49">
          <cell r="B49">
            <v>3</v>
          </cell>
          <cell r="C49" t="str">
            <v>ダンプトラック</v>
          </cell>
          <cell r="I49" t="str">
            <v>t積</v>
          </cell>
          <cell r="AE49" t="str">
            <v/>
          </cell>
        </row>
        <row r="50">
          <cell r="B50">
            <v>4</v>
          </cell>
          <cell r="C50" t="str">
            <v>振動ローラ</v>
          </cell>
          <cell r="G50" t="str">
            <v>式</v>
          </cell>
          <cell r="I50" t="str">
            <v>t</v>
          </cell>
          <cell r="AE50" t="str">
            <v/>
          </cell>
        </row>
        <row r="51">
          <cell r="B51">
            <v>5</v>
          </cell>
          <cell r="AE51" t="str">
            <v/>
          </cell>
        </row>
        <row r="52">
          <cell r="B52">
            <v>6</v>
          </cell>
          <cell r="AE52" t="str">
            <v/>
          </cell>
        </row>
        <row r="53">
          <cell r="B53">
            <v>7</v>
          </cell>
          <cell r="AE53" t="str">
            <v/>
          </cell>
        </row>
        <row r="54">
          <cell r="B54">
            <v>8</v>
          </cell>
          <cell r="AE54" t="str">
            <v/>
          </cell>
        </row>
        <row r="55">
          <cell r="B55">
            <v>9</v>
          </cell>
          <cell r="AE55" t="str">
            <v/>
          </cell>
        </row>
        <row r="56">
          <cell r="B56">
            <v>10</v>
          </cell>
          <cell r="AE56" t="str">
            <v/>
          </cell>
        </row>
        <row r="57">
          <cell r="B57" t="str">
            <v>補助機械</v>
          </cell>
        </row>
        <row r="58">
          <cell r="B58">
            <v>11</v>
          </cell>
          <cell r="C58" t="str">
            <v>水中ポンプ</v>
          </cell>
          <cell r="G58" t="str">
            <v>mm
口径</v>
          </cell>
          <cell r="I58" t="str">
            <v>m
全陽程</v>
          </cell>
          <cell r="AE58" t="str">
            <v/>
          </cell>
        </row>
        <row r="59">
          <cell r="B59">
            <v>12</v>
          </cell>
          <cell r="C59" t="str">
            <v>発動発電機</v>
          </cell>
          <cell r="I59" t="str">
            <v xml:space="preserve">ｋVA </v>
          </cell>
          <cell r="AE59" t="str">
            <v/>
          </cell>
        </row>
        <row r="60">
          <cell r="B60">
            <v>13</v>
          </cell>
          <cell r="AE60" t="str">
            <v/>
          </cell>
        </row>
        <row r="61">
          <cell r="B61">
            <v>14</v>
          </cell>
          <cell r="AE61" t="str">
            <v/>
          </cell>
        </row>
        <row r="62">
          <cell r="B62">
            <v>15</v>
          </cell>
          <cell r="AE62" t="str">
            <v/>
          </cell>
        </row>
        <row r="63">
          <cell r="B63">
            <v>16</v>
          </cell>
          <cell r="AE63" t="str">
            <v/>
          </cell>
        </row>
        <row r="64">
          <cell r="B64">
            <v>17</v>
          </cell>
          <cell r="AE64" t="str">
            <v/>
          </cell>
        </row>
        <row r="65">
          <cell r="B65">
            <v>18</v>
          </cell>
          <cell r="AE65" t="str">
            <v/>
          </cell>
        </row>
        <row r="66">
          <cell r="B66">
            <v>19</v>
          </cell>
          <cell r="AE66" t="str">
            <v/>
          </cell>
        </row>
        <row r="67">
          <cell r="B67">
            <v>20</v>
          </cell>
          <cell r="AE67" t="str">
            <v/>
          </cell>
        </row>
        <row r="68">
          <cell r="B68" t="str">
            <v>雑器具等</v>
          </cell>
        </row>
        <row r="69">
          <cell r="B69">
            <v>21</v>
          </cell>
          <cell r="U69" t="str">
            <v/>
          </cell>
        </row>
        <row r="70">
          <cell r="B70">
            <v>22</v>
          </cell>
        </row>
        <row r="71">
          <cell r="B71">
            <v>23</v>
          </cell>
        </row>
        <row r="72">
          <cell r="B72">
            <v>24</v>
          </cell>
        </row>
        <row r="73">
          <cell r="B73">
            <v>25</v>
          </cell>
        </row>
        <row r="74">
          <cell r="B74">
            <v>26</v>
          </cell>
        </row>
        <row r="75">
          <cell r="B75">
            <v>27</v>
          </cell>
        </row>
        <row r="76">
          <cell r="B76">
            <v>28</v>
          </cell>
        </row>
        <row r="77">
          <cell r="B77">
            <v>29</v>
          </cell>
        </row>
        <row r="78">
          <cell r="B78">
            <v>30</v>
          </cell>
        </row>
      </sheetData>
      <sheetData sheetId="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-0"/>
      <sheetName val="様式-1-1"/>
      <sheetName val="様式-1-2"/>
      <sheetName val="様式-2"/>
      <sheetName val="様式-3"/>
      <sheetName val="様式-4-1"/>
      <sheetName val="様式-4-2"/>
      <sheetName val="様式-4-3"/>
      <sheetName val="様式-4-4"/>
      <sheetName val="様式-5-1"/>
      <sheetName val="様式-5-2"/>
      <sheetName val="様式-5-3"/>
      <sheetName val="様式-6"/>
      <sheetName val="様式-7-1"/>
      <sheetName val="様式-7-2"/>
      <sheetName val="ﾘｽﾄ"/>
      <sheetName val="様式-8"/>
      <sheetName val="補足説明"/>
    </sheetNames>
    <sheetDataSet>
      <sheetData sheetId="0"/>
      <sheetData sheetId="1">
        <row r="16">
          <cell r="I16">
            <v>1</v>
          </cell>
          <cell r="S16">
            <v>2</v>
          </cell>
          <cell r="X16">
            <v>4</v>
          </cell>
          <cell r="AC16">
            <v>3</v>
          </cell>
          <cell r="AH16">
            <v>6</v>
          </cell>
        </row>
      </sheetData>
      <sheetData sheetId="2"/>
      <sheetData sheetId="3">
        <row r="21">
          <cell r="A21">
            <v>1</v>
          </cell>
          <cell r="AN21" t="str">
            <v>：</v>
          </cell>
        </row>
        <row r="22">
          <cell r="A22">
            <v>2</v>
          </cell>
          <cell r="AN22" t="str">
            <v>：</v>
          </cell>
        </row>
        <row r="23">
          <cell r="A23">
            <v>3</v>
          </cell>
          <cell r="AN23" t="str">
            <v>：</v>
          </cell>
        </row>
        <row r="24">
          <cell r="A24">
            <v>4</v>
          </cell>
          <cell r="AN24" t="str">
            <v>：</v>
          </cell>
        </row>
        <row r="25">
          <cell r="A25">
            <v>5</v>
          </cell>
          <cell r="AN25" t="str">
            <v>：</v>
          </cell>
        </row>
        <row r="26">
          <cell r="A26">
            <v>6</v>
          </cell>
          <cell r="AN26" t="str">
            <v>：</v>
          </cell>
        </row>
        <row r="27">
          <cell r="A27">
            <v>7</v>
          </cell>
          <cell r="AN27" t="str">
            <v>：</v>
          </cell>
        </row>
        <row r="28">
          <cell r="A28">
            <v>8</v>
          </cell>
          <cell r="AN28" t="str">
            <v>：</v>
          </cell>
        </row>
        <row r="29">
          <cell r="A29">
            <v>9</v>
          </cell>
          <cell r="AN29" t="str">
            <v>：</v>
          </cell>
        </row>
        <row r="30">
          <cell r="A30">
            <v>10</v>
          </cell>
          <cell r="AN30" t="str">
            <v>：</v>
          </cell>
        </row>
        <row r="31">
          <cell r="A31">
            <v>11</v>
          </cell>
          <cell r="AN31" t="str">
            <v>：</v>
          </cell>
        </row>
        <row r="32">
          <cell r="A32">
            <v>12</v>
          </cell>
          <cell r="AN32" t="str">
            <v>：</v>
          </cell>
        </row>
        <row r="33">
          <cell r="A33">
            <v>13</v>
          </cell>
          <cell r="AN33" t="str">
            <v>：</v>
          </cell>
        </row>
        <row r="34">
          <cell r="A34">
            <v>14</v>
          </cell>
          <cell r="AN34" t="str">
            <v>：</v>
          </cell>
        </row>
        <row r="35">
          <cell r="A35">
            <v>15</v>
          </cell>
          <cell r="AN35" t="str">
            <v>：</v>
          </cell>
        </row>
        <row r="36">
          <cell r="A36">
            <v>16</v>
          </cell>
          <cell r="AN36" t="str">
            <v>：</v>
          </cell>
        </row>
        <row r="37">
          <cell r="A37">
            <v>17</v>
          </cell>
          <cell r="AN37" t="str">
            <v>：</v>
          </cell>
        </row>
        <row r="38">
          <cell r="A38">
            <v>18</v>
          </cell>
          <cell r="AN38" t="str">
            <v>：</v>
          </cell>
        </row>
        <row r="39">
          <cell r="A39">
            <v>19</v>
          </cell>
          <cell r="AN39" t="str">
            <v>：</v>
          </cell>
        </row>
        <row r="40">
          <cell r="A40">
            <v>20</v>
          </cell>
          <cell r="AN40" t="str">
            <v>：</v>
          </cell>
        </row>
        <row r="41">
          <cell r="A41">
            <v>21</v>
          </cell>
          <cell r="AN41" t="str">
            <v>：</v>
          </cell>
        </row>
        <row r="42">
          <cell r="A42">
            <v>22</v>
          </cell>
          <cell r="AN42" t="str">
            <v>：</v>
          </cell>
        </row>
        <row r="43">
          <cell r="A43">
            <v>23</v>
          </cell>
          <cell r="AN43" t="str">
            <v>：</v>
          </cell>
        </row>
        <row r="44">
          <cell r="A44">
            <v>24</v>
          </cell>
          <cell r="AN44" t="str">
            <v>：</v>
          </cell>
        </row>
        <row r="45">
          <cell r="A45">
            <v>25</v>
          </cell>
          <cell r="AN45" t="str">
            <v>：</v>
          </cell>
        </row>
        <row r="46">
          <cell r="A46">
            <v>26</v>
          </cell>
          <cell r="AN46" t="str">
            <v>：</v>
          </cell>
        </row>
        <row r="47">
          <cell r="A47">
            <v>27</v>
          </cell>
          <cell r="AN47" t="str">
            <v>：</v>
          </cell>
        </row>
        <row r="48">
          <cell r="A48">
            <v>28</v>
          </cell>
          <cell r="AN48" t="str">
            <v>：</v>
          </cell>
        </row>
        <row r="49">
          <cell r="A49">
            <v>29</v>
          </cell>
          <cell r="AN49" t="str">
            <v>：</v>
          </cell>
        </row>
        <row r="50">
          <cell r="A50">
            <v>30</v>
          </cell>
          <cell r="AN50" t="str">
            <v>：</v>
          </cell>
        </row>
        <row r="51">
          <cell r="A51">
            <v>31</v>
          </cell>
          <cell r="AN51" t="str">
            <v>：</v>
          </cell>
        </row>
        <row r="52">
          <cell r="A52">
            <v>32</v>
          </cell>
          <cell r="AN52" t="str">
            <v>：</v>
          </cell>
        </row>
        <row r="53">
          <cell r="A53">
            <v>33</v>
          </cell>
          <cell r="AN53" t="str">
            <v>：</v>
          </cell>
        </row>
        <row r="54">
          <cell r="A54">
            <v>34</v>
          </cell>
          <cell r="AN54" t="str">
            <v>：</v>
          </cell>
        </row>
        <row r="55">
          <cell r="A55">
            <v>35</v>
          </cell>
          <cell r="AN55" t="str">
            <v>：</v>
          </cell>
        </row>
        <row r="56">
          <cell r="A56">
            <v>36</v>
          </cell>
          <cell r="AN56" t="str">
            <v>：</v>
          </cell>
        </row>
        <row r="57">
          <cell r="A57">
            <v>37</v>
          </cell>
          <cell r="AN57" t="str">
            <v>：</v>
          </cell>
        </row>
        <row r="58">
          <cell r="A58">
            <v>38</v>
          </cell>
          <cell r="AN58" t="str">
            <v>：</v>
          </cell>
        </row>
        <row r="59">
          <cell r="A59">
            <v>39</v>
          </cell>
          <cell r="AN59" t="str">
            <v>：</v>
          </cell>
        </row>
        <row r="60">
          <cell r="A60">
            <v>40</v>
          </cell>
          <cell r="AN60" t="str">
            <v>：</v>
          </cell>
        </row>
        <row r="61">
          <cell r="A61">
            <v>41</v>
          </cell>
          <cell r="AN61" t="str">
            <v>：</v>
          </cell>
        </row>
        <row r="62">
          <cell r="A62">
            <v>42</v>
          </cell>
          <cell r="AN62" t="str">
            <v>：</v>
          </cell>
        </row>
        <row r="63">
          <cell r="A63">
            <v>43</v>
          </cell>
          <cell r="AN63" t="str">
            <v>：</v>
          </cell>
        </row>
        <row r="64">
          <cell r="A64">
            <v>44</v>
          </cell>
          <cell r="AN64" t="str">
            <v>：</v>
          </cell>
        </row>
        <row r="65">
          <cell r="A65">
            <v>45</v>
          </cell>
          <cell r="AN65" t="str">
            <v>：</v>
          </cell>
        </row>
        <row r="66">
          <cell r="A66">
            <v>46</v>
          </cell>
          <cell r="AN66" t="str">
            <v>：</v>
          </cell>
        </row>
        <row r="67">
          <cell r="A67">
            <v>47</v>
          </cell>
          <cell r="AN67" t="str">
            <v>：</v>
          </cell>
        </row>
        <row r="68">
          <cell r="A68">
            <v>48</v>
          </cell>
          <cell r="AN68" t="str">
            <v>：</v>
          </cell>
        </row>
        <row r="69">
          <cell r="A69">
            <v>49</v>
          </cell>
          <cell r="AN69" t="str">
            <v>：</v>
          </cell>
        </row>
        <row r="70">
          <cell r="A70">
            <v>50</v>
          </cell>
          <cell r="AN70" t="str">
            <v>：</v>
          </cell>
        </row>
        <row r="71">
          <cell r="A71">
            <v>51</v>
          </cell>
          <cell r="AN71" t="str">
            <v>：</v>
          </cell>
        </row>
        <row r="72">
          <cell r="A72">
            <v>52</v>
          </cell>
          <cell r="AN72" t="str">
            <v>：</v>
          </cell>
        </row>
        <row r="73">
          <cell r="A73">
            <v>53</v>
          </cell>
          <cell r="AN73" t="str">
            <v>：</v>
          </cell>
        </row>
        <row r="74">
          <cell r="A74">
            <v>54</v>
          </cell>
          <cell r="AN74" t="str">
            <v>：</v>
          </cell>
        </row>
        <row r="75">
          <cell r="A75">
            <v>55</v>
          </cell>
          <cell r="AN75" t="str">
            <v>：</v>
          </cell>
        </row>
      </sheetData>
      <sheetData sheetId="4">
        <row r="10">
          <cell r="A10">
            <v>1</v>
          </cell>
          <cell r="AL10" t="str">
            <v>：</v>
          </cell>
        </row>
        <row r="11">
          <cell r="A11">
            <v>2</v>
          </cell>
          <cell r="AL11" t="str">
            <v>：</v>
          </cell>
        </row>
        <row r="12">
          <cell r="A12">
            <v>3</v>
          </cell>
          <cell r="AL12" t="str">
            <v>：</v>
          </cell>
        </row>
        <row r="13">
          <cell r="A13">
            <v>4</v>
          </cell>
          <cell r="AL13" t="str">
            <v>：</v>
          </cell>
        </row>
        <row r="14">
          <cell r="A14">
            <v>5</v>
          </cell>
          <cell r="AL14" t="str">
            <v>：</v>
          </cell>
        </row>
        <row r="15">
          <cell r="A15">
            <v>6</v>
          </cell>
          <cell r="AL15" t="str">
            <v>：</v>
          </cell>
        </row>
        <row r="16">
          <cell r="A16">
            <v>7</v>
          </cell>
          <cell r="AL16" t="str">
            <v>：</v>
          </cell>
        </row>
        <row r="17">
          <cell r="A17">
            <v>8</v>
          </cell>
          <cell r="AL17" t="str">
            <v>：</v>
          </cell>
        </row>
        <row r="18">
          <cell r="A18">
            <v>9</v>
          </cell>
          <cell r="AL18" t="str">
            <v>：</v>
          </cell>
        </row>
        <row r="19">
          <cell r="A19">
            <v>10</v>
          </cell>
          <cell r="AL19" t="str">
            <v>：</v>
          </cell>
        </row>
        <row r="20">
          <cell r="A20">
            <v>11</v>
          </cell>
          <cell r="AL20" t="str">
            <v>：</v>
          </cell>
        </row>
        <row r="21">
          <cell r="A21">
            <v>12</v>
          </cell>
          <cell r="AL21" t="str">
            <v>：</v>
          </cell>
        </row>
        <row r="22">
          <cell r="A22">
            <v>13</v>
          </cell>
          <cell r="AL22" t="str">
            <v>：</v>
          </cell>
        </row>
        <row r="23">
          <cell r="A23">
            <v>14</v>
          </cell>
          <cell r="AL23" t="str">
            <v>：</v>
          </cell>
        </row>
        <row r="24">
          <cell r="A24">
            <v>15</v>
          </cell>
          <cell r="AL24" t="str">
            <v>：</v>
          </cell>
        </row>
        <row r="25">
          <cell r="A25">
            <v>16</v>
          </cell>
          <cell r="AL25" t="str">
            <v>：</v>
          </cell>
        </row>
        <row r="26">
          <cell r="A26">
            <v>17</v>
          </cell>
          <cell r="AL26" t="str">
            <v>：</v>
          </cell>
        </row>
        <row r="27">
          <cell r="A27">
            <v>18</v>
          </cell>
          <cell r="AL27" t="str">
            <v>：</v>
          </cell>
        </row>
        <row r="28">
          <cell r="A28">
            <v>19</v>
          </cell>
          <cell r="AL28" t="str">
            <v>：</v>
          </cell>
        </row>
        <row r="29">
          <cell r="A29">
            <v>20</v>
          </cell>
          <cell r="AL29" t="str">
            <v>：</v>
          </cell>
        </row>
        <row r="30">
          <cell r="A30">
            <v>21</v>
          </cell>
          <cell r="AL30" t="str">
            <v>：</v>
          </cell>
        </row>
        <row r="31">
          <cell r="A31">
            <v>22</v>
          </cell>
          <cell r="AL31" t="str">
            <v>：</v>
          </cell>
        </row>
        <row r="32">
          <cell r="A32">
            <v>23</v>
          </cell>
          <cell r="AL32" t="str">
            <v>：</v>
          </cell>
        </row>
        <row r="33">
          <cell r="A33">
            <v>24</v>
          </cell>
          <cell r="AL33" t="str">
            <v>：</v>
          </cell>
        </row>
        <row r="34">
          <cell r="A34">
            <v>25</v>
          </cell>
          <cell r="AL34" t="str">
            <v>：</v>
          </cell>
        </row>
        <row r="35">
          <cell r="A35">
            <v>26</v>
          </cell>
          <cell r="AL35" t="str">
            <v>：</v>
          </cell>
        </row>
        <row r="36">
          <cell r="A36">
            <v>27</v>
          </cell>
          <cell r="AL36" t="str">
            <v>：</v>
          </cell>
        </row>
        <row r="37">
          <cell r="A37">
            <v>28</v>
          </cell>
          <cell r="AL37" t="str">
            <v>：</v>
          </cell>
        </row>
        <row r="38">
          <cell r="A38">
            <v>29</v>
          </cell>
          <cell r="AL38" t="str">
            <v>：</v>
          </cell>
        </row>
        <row r="39">
          <cell r="A39">
            <v>30</v>
          </cell>
          <cell r="AL39" t="str">
            <v>：</v>
          </cell>
        </row>
        <row r="40">
          <cell r="A40">
            <v>31</v>
          </cell>
          <cell r="AL40" t="str">
            <v>：</v>
          </cell>
        </row>
        <row r="41">
          <cell r="A41">
            <v>32</v>
          </cell>
          <cell r="AL41" t="str">
            <v>：</v>
          </cell>
        </row>
        <row r="42">
          <cell r="A42">
            <v>33</v>
          </cell>
          <cell r="AL42" t="str">
            <v>：</v>
          </cell>
        </row>
        <row r="43">
          <cell r="A43">
            <v>34</v>
          </cell>
          <cell r="AL43" t="str">
            <v>：</v>
          </cell>
        </row>
        <row r="44">
          <cell r="A44">
            <v>35</v>
          </cell>
          <cell r="AL44" t="str">
            <v>：</v>
          </cell>
        </row>
        <row r="45">
          <cell r="A45">
            <v>36</v>
          </cell>
          <cell r="AL45" t="str">
            <v>：</v>
          </cell>
        </row>
        <row r="46">
          <cell r="A46">
            <v>37</v>
          </cell>
          <cell r="AL46" t="str">
            <v>：</v>
          </cell>
        </row>
        <row r="47">
          <cell r="A47">
            <v>38</v>
          </cell>
          <cell r="AL47" t="str">
            <v>：</v>
          </cell>
        </row>
        <row r="48">
          <cell r="A48">
            <v>39</v>
          </cell>
          <cell r="AL48" t="str">
            <v>：</v>
          </cell>
        </row>
        <row r="49">
          <cell r="A49">
            <v>40</v>
          </cell>
          <cell r="AL49" t="str">
            <v>：</v>
          </cell>
        </row>
        <row r="50">
          <cell r="A50">
            <v>41</v>
          </cell>
          <cell r="AL50" t="str">
            <v>：</v>
          </cell>
        </row>
        <row r="51">
          <cell r="A51">
            <v>42</v>
          </cell>
          <cell r="AL51" t="str">
            <v>：</v>
          </cell>
        </row>
        <row r="52">
          <cell r="A52">
            <v>43</v>
          </cell>
          <cell r="AL52" t="str">
            <v>：</v>
          </cell>
        </row>
        <row r="53">
          <cell r="A53">
            <v>44</v>
          </cell>
          <cell r="AL53" t="str">
            <v>：</v>
          </cell>
        </row>
        <row r="54">
          <cell r="A54">
            <v>45</v>
          </cell>
          <cell r="AL54" t="str">
            <v>：</v>
          </cell>
        </row>
        <row r="55">
          <cell r="A55">
            <v>46</v>
          </cell>
          <cell r="AL55" t="str">
            <v>：</v>
          </cell>
        </row>
        <row r="56">
          <cell r="A56">
            <v>47</v>
          </cell>
          <cell r="AL56" t="str">
            <v>：</v>
          </cell>
        </row>
        <row r="57">
          <cell r="A57">
            <v>48</v>
          </cell>
          <cell r="AL57" t="str">
            <v>：</v>
          </cell>
        </row>
        <row r="58">
          <cell r="A58">
            <v>49</v>
          </cell>
          <cell r="AL58" t="str">
            <v>：</v>
          </cell>
        </row>
        <row r="59">
          <cell r="A59">
            <v>50</v>
          </cell>
          <cell r="AL59" t="str">
            <v>：</v>
          </cell>
        </row>
        <row r="60">
          <cell r="A60">
            <v>51</v>
          </cell>
          <cell r="AL60" t="str">
            <v>：</v>
          </cell>
        </row>
        <row r="61">
          <cell r="A61">
            <v>52</v>
          </cell>
          <cell r="AL61" t="str">
            <v>：</v>
          </cell>
        </row>
        <row r="62">
          <cell r="A62">
            <v>53</v>
          </cell>
          <cell r="AL62" t="str">
            <v>：</v>
          </cell>
        </row>
        <row r="63">
          <cell r="A63">
            <v>54</v>
          </cell>
          <cell r="AL63" t="str">
            <v>：</v>
          </cell>
        </row>
        <row r="64">
          <cell r="A64">
            <v>55</v>
          </cell>
          <cell r="AL64" t="str">
            <v>：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>
        <row r="3">
          <cell r="D3" t="str">
            <v>土石流区間</v>
          </cell>
          <cell r="E3" t="str">
            <v>不透過型　スクリーン構造　スクリーンえん堤</v>
          </cell>
          <cell r="F3" t="str">
            <v>足場設置</v>
          </cell>
          <cell r="G3" t="str">
            <v>足場設置</v>
          </cell>
          <cell r="H3" t="str">
            <v>本締工</v>
          </cell>
          <cell r="I3" t="str">
            <v>アンカー工</v>
          </cell>
          <cell r="J3" t="str">
            <v>中塗り</v>
          </cell>
          <cell r="K3" t="str">
            <v>底面材敷設</v>
          </cell>
          <cell r="L3" t="str">
            <v>中詰工</v>
          </cell>
          <cell r="M3" t="str">
            <v>堤冠材設置</v>
          </cell>
          <cell r="N3" t="str">
            <v>本</v>
          </cell>
          <cell r="P3">
            <v>1</v>
          </cell>
        </row>
        <row r="4">
          <cell r="D4" t="str">
            <v>掃流区間</v>
          </cell>
          <cell r="E4" t="str">
            <v>不透過型　枠構造　自在枠</v>
          </cell>
          <cell r="F4" t="str">
            <v>足場撤去</v>
          </cell>
          <cell r="G4" t="str">
            <v>地組</v>
          </cell>
          <cell r="I4" t="str">
            <v>モルタル施工</v>
          </cell>
          <cell r="J4" t="str">
            <v>上塗り</v>
          </cell>
          <cell r="K4" t="str">
            <v>壁面材設置</v>
          </cell>
          <cell r="L4" t="str">
            <v>タイ材設置</v>
          </cell>
          <cell r="M4" t="str">
            <v>コンクリート打設</v>
          </cell>
          <cell r="N4" t="str">
            <v>ｔ</v>
          </cell>
          <cell r="P4">
            <v>2</v>
          </cell>
        </row>
        <row r="5">
          <cell r="D5" t="str">
            <v>地すべり区域</v>
          </cell>
          <cell r="E5" t="str">
            <v>不透過型　枠構造　続枠</v>
          </cell>
          <cell r="F5" t="str">
            <v>コンクリート削孔工</v>
          </cell>
          <cell r="G5" t="str">
            <v>組立・据付</v>
          </cell>
          <cell r="M5" t="str">
            <v>張り芝</v>
          </cell>
          <cell r="N5" t="str">
            <v>ｍ</v>
          </cell>
          <cell r="P5">
            <v>3</v>
          </cell>
        </row>
        <row r="6">
          <cell r="D6" t="str">
            <v>活火山区域</v>
          </cell>
          <cell r="E6" t="str">
            <v>不透過型　枠構造　箱枠</v>
          </cell>
          <cell r="F6" t="str">
            <v>アンカー工</v>
          </cell>
          <cell r="G6" t="str">
            <v>仮締め</v>
          </cell>
          <cell r="N6" t="str">
            <v>m2</v>
          </cell>
          <cell r="P6">
            <v>4</v>
          </cell>
        </row>
        <row r="7">
          <cell r="E7" t="str">
            <v>不透過型　ダブルウォール構造　ダブルウォール</v>
          </cell>
          <cell r="F7" t="str">
            <v>無収縮モルタル</v>
          </cell>
          <cell r="G7" t="str">
            <v>足場撤去</v>
          </cell>
          <cell r="N7" t="str">
            <v>m3</v>
          </cell>
          <cell r="P7">
            <v>5</v>
          </cell>
        </row>
        <row r="8">
          <cell r="E8" t="str">
            <v>不透過型　ダブルウォール構造　鋼矢板セグメント</v>
          </cell>
          <cell r="F8" t="str">
            <v>地組</v>
          </cell>
          <cell r="N8" t="str">
            <v>掛m2</v>
          </cell>
          <cell r="P8">
            <v>6</v>
          </cell>
        </row>
        <row r="9">
          <cell r="E9" t="str">
            <v>不透過型　ダブルウォール構造　スーパースチールウォール</v>
          </cell>
          <cell r="F9" t="str">
            <v>仮締め</v>
          </cell>
          <cell r="N9" t="str">
            <v>空m3</v>
          </cell>
          <cell r="P9">
            <v>7</v>
          </cell>
        </row>
        <row r="10">
          <cell r="E10" t="str">
            <v>不透過型　セル構造　鋼板セル（透過型含む）</v>
          </cell>
          <cell r="F10" t="str">
            <v>鋼製部材組立据付</v>
          </cell>
          <cell r="P10">
            <v>8</v>
          </cell>
        </row>
        <row r="11">
          <cell r="E11" t="str">
            <v>不透過型　セル構造　鋼矢板セル（透過型含む）</v>
          </cell>
          <cell r="F11" t="str">
            <v>本締め</v>
          </cell>
          <cell r="P11">
            <v>9</v>
          </cell>
        </row>
        <row r="12">
          <cell r="E12" t="str">
            <v>透過型　スリット構造　Ａ型スリット</v>
          </cell>
          <cell r="F12" t="str">
            <v>コンクリート充填工</v>
          </cell>
          <cell r="P12">
            <v>10</v>
          </cell>
        </row>
        <row r="13">
          <cell r="E13" t="str">
            <v>透過型　スリット構造　Ｂ型スリット</v>
          </cell>
          <cell r="F13" t="str">
            <v>現場塗装（下塗り）</v>
          </cell>
          <cell r="P13">
            <v>11</v>
          </cell>
        </row>
        <row r="14">
          <cell r="E14" t="str">
            <v>透過型　スリット構造　Ｃ型スリット</v>
          </cell>
          <cell r="F14" t="str">
            <v>現場塗装（中塗り）</v>
          </cell>
          <cell r="P14">
            <v>12</v>
          </cell>
        </row>
        <row r="15">
          <cell r="E15" t="str">
            <v>透過型　スリット構造　CF型スリット</v>
          </cell>
          <cell r="F15" t="str">
            <v>現場塗装（上塗り）</v>
          </cell>
          <cell r="P15">
            <v>13</v>
          </cell>
        </row>
        <row r="16">
          <cell r="E16" t="str">
            <v>透過型　スリット構造　Ｄ型スリット</v>
          </cell>
          <cell r="F16" t="str">
            <v>底面材敷設</v>
          </cell>
          <cell r="P16">
            <v>14</v>
          </cell>
        </row>
        <row r="17">
          <cell r="E17" t="str">
            <v>透過型　スリット構造　ｈ型スリット</v>
          </cell>
          <cell r="F17" t="str">
            <v>壁面材設置</v>
          </cell>
          <cell r="P17">
            <v>15</v>
          </cell>
        </row>
        <row r="18">
          <cell r="E18" t="str">
            <v>透過型　スリット構造　Ｉ型スリット</v>
          </cell>
          <cell r="F18" t="str">
            <v>中詰工</v>
          </cell>
          <cell r="P18">
            <v>16</v>
          </cell>
        </row>
        <row r="19">
          <cell r="E19" t="str">
            <v>透過型　スリット構造　Δ型スリット</v>
          </cell>
          <cell r="F19" t="str">
            <v>堤冠材設置</v>
          </cell>
          <cell r="P19">
            <v>17</v>
          </cell>
        </row>
        <row r="20">
          <cell r="E20" t="str">
            <v>透過型　スリット構造　Ｌ型スリット</v>
          </cell>
          <cell r="F20" t="str">
            <v>天端部施工</v>
          </cell>
          <cell r="P20">
            <v>18</v>
          </cell>
        </row>
        <row r="21">
          <cell r="E21" t="str">
            <v>透過型　スリット構造　Ｎ型スリット</v>
          </cell>
          <cell r="F21" t="str">
            <v>埋戻し</v>
          </cell>
          <cell r="P21">
            <v>19</v>
          </cell>
        </row>
        <row r="22">
          <cell r="E22" t="str">
            <v>透過型　スリット構造　横ビーム式HBOスリット</v>
          </cell>
          <cell r="F22" t="str">
            <v>塗装補修</v>
          </cell>
          <cell r="P22">
            <v>20</v>
          </cell>
        </row>
        <row r="23">
          <cell r="E23" t="str">
            <v>透過型　スリット構造　Ｊ－スリット</v>
          </cell>
          <cell r="P23">
            <v>21</v>
          </cell>
        </row>
        <row r="24">
          <cell r="E24" t="str">
            <v>透過型　スリット構造　CBBO型スリット</v>
          </cell>
          <cell r="P24">
            <v>22</v>
          </cell>
        </row>
        <row r="25">
          <cell r="E25" t="str">
            <v>透過型　スリット構造　Ｔ型スリット</v>
          </cell>
          <cell r="P25">
            <v>23</v>
          </cell>
        </row>
        <row r="26">
          <cell r="E26" t="str">
            <v>透過型　格子形構造　格子型　</v>
          </cell>
          <cell r="P26">
            <v>24</v>
          </cell>
        </row>
        <row r="27">
          <cell r="E27" t="str">
            <v>透過型　格子形構造　格子型－2000Ｃ</v>
          </cell>
          <cell r="P27">
            <v>25</v>
          </cell>
        </row>
        <row r="28">
          <cell r="P28">
            <v>26</v>
          </cell>
        </row>
        <row r="29">
          <cell r="P29">
            <v>27</v>
          </cell>
        </row>
        <row r="30">
          <cell r="P30">
            <v>28</v>
          </cell>
        </row>
        <row r="31">
          <cell r="P31">
            <v>29</v>
          </cell>
        </row>
        <row r="32">
          <cell r="P32">
            <v>30</v>
          </cell>
        </row>
        <row r="33">
          <cell r="P33">
            <v>31</v>
          </cell>
        </row>
        <row r="34">
          <cell r="P34">
            <v>32</v>
          </cell>
        </row>
        <row r="35">
          <cell r="P35">
            <v>33</v>
          </cell>
        </row>
        <row r="36">
          <cell r="P36">
            <v>34</v>
          </cell>
        </row>
        <row r="37">
          <cell r="P37">
            <v>35</v>
          </cell>
        </row>
        <row r="38">
          <cell r="P38">
            <v>36</v>
          </cell>
        </row>
        <row r="39">
          <cell r="P39">
            <v>37</v>
          </cell>
        </row>
        <row r="40">
          <cell r="P40">
            <v>38</v>
          </cell>
        </row>
        <row r="41">
          <cell r="P41">
            <v>39</v>
          </cell>
        </row>
        <row r="42">
          <cell r="P42">
            <v>40</v>
          </cell>
        </row>
        <row r="43">
          <cell r="P43">
            <v>41</v>
          </cell>
        </row>
        <row r="44">
          <cell r="P44">
            <v>42</v>
          </cell>
        </row>
        <row r="45">
          <cell r="P45">
            <v>43</v>
          </cell>
        </row>
        <row r="46">
          <cell r="P46">
            <v>44</v>
          </cell>
        </row>
        <row r="47">
          <cell r="P47">
            <v>45</v>
          </cell>
        </row>
        <row r="48">
          <cell r="P48">
            <v>46</v>
          </cell>
        </row>
        <row r="49">
          <cell r="P49">
            <v>47</v>
          </cell>
        </row>
        <row r="50">
          <cell r="P50">
            <v>48</v>
          </cell>
        </row>
        <row r="51">
          <cell r="P51">
            <v>49</v>
          </cell>
        </row>
        <row r="52">
          <cell r="P52">
            <v>50</v>
          </cell>
        </row>
        <row r="53">
          <cell r="P53">
            <v>51</v>
          </cell>
        </row>
        <row r="54">
          <cell r="P54">
            <v>52</v>
          </cell>
        </row>
        <row r="55">
          <cell r="P55">
            <v>53</v>
          </cell>
        </row>
        <row r="56">
          <cell r="P56">
            <v>54</v>
          </cell>
        </row>
        <row r="57">
          <cell r="P57">
            <v>55</v>
          </cell>
        </row>
      </sheetData>
      <sheetData sheetId="16"/>
      <sheetData sheetId="17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"/>
      <sheetName val="様式1"/>
      <sheetName val="様式2"/>
      <sheetName val="様式3"/>
      <sheetName val="様式4"/>
      <sheetName val="様式5"/>
      <sheetName val="様式6(1)"/>
      <sheetName val="様式6(2)"/>
      <sheetName val="様式6(3)"/>
      <sheetName val="様式7"/>
      <sheetName val="様式6(4)"/>
      <sheetName val="様式6(5)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"/>
      <sheetName val="Sheet1"/>
      <sheetName val="様式1&lt;工事概要&gt;"/>
      <sheetName val="様式2&lt;工法概要・作業フロー&gt;"/>
      <sheetName val="様式3&lt;機械・器具&gt;"/>
      <sheetName val="様式4&lt;歩掛&gt;"/>
      <sheetName val="様式5"/>
      <sheetName val="様式6"/>
    </sheetNames>
    <sheetDataSet>
      <sheetData sheetId="0"/>
      <sheetData sheetId="1"/>
      <sheetData sheetId="2"/>
      <sheetData sheetId="3"/>
      <sheetData sheetId="4">
        <row r="6">
          <cell r="B6">
            <v>1</v>
          </cell>
        </row>
        <row r="8">
          <cell r="B8">
            <v>2</v>
          </cell>
        </row>
        <row r="10">
          <cell r="B10">
            <v>3</v>
          </cell>
        </row>
        <row r="12">
          <cell r="B12">
            <v>4</v>
          </cell>
        </row>
        <row r="14">
          <cell r="B14">
            <v>5</v>
          </cell>
        </row>
        <row r="16">
          <cell r="B16">
            <v>6</v>
          </cell>
        </row>
        <row r="18">
          <cell r="B18">
            <v>7</v>
          </cell>
        </row>
        <row r="20">
          <cell r="B20">
            <v>8</v>
          </cell>
        </row>
      </sheetData>
      <sheetData sheetId="5"/>
      <sheetData sheetId="6"/>
      <sheetData sheetId="7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"/>
      <sheetName val="Sheet1"/>
      <sheetName val="様式1&lt;工事概要&gt;"/>
      <sheetName val="様式2&lt;工法概要・作業フロー&gt;"/>
      <sheetName val="様式3&lt;機械・器具&gt;"/>
      <sheetName val="様式4&lt;歩掛&gt;"/>
      <sheetName val="様式5"/>
      <sheetName val="様式6"/>
    </sheetNames>
    <sheetDataSet>
      <sheetData sheetId="0"/>
      <sheetData sheetId="1"/>
      <sheetData sheetId="2"/>
      <sheetData sheetId="3"/>
      <sheetData sheetId="4">
        <row r="6">
          <cell r="B6">
            <v>1</v>
          </cell>
        </row>
        <row r="8">
          <cell r="B8">
            <v>2</v>
          </cell>
        </row>
        <row r="10">
          <cell r="B10">
            <v>3</v>
          </cell>
        </row>
        <row r="12">
          <cell r="B12">
            <v>4</v>
          </cell>
        </row>
        <row r="14">
          <cell r="B14">
            <v>5</v>
          </cell>
        </row>
        <row r="16">
          <cell r="B16">
            <v>6</v>
          </cell>
        </row>
        <row r="18">
          <cell r="B18">
            <v>7</v>
          </cell>
        </row>
        <row r="20">
          <cell r="B20">
            <v>8</v>
          </cell>
        </row>
      </sheetData>
      <sheetData sheetId="5"/>
      <sheetData sheetId="6"/>
      <sheetData sheetId="7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"/>
      <sheetName val="様式0"/>
      <sheetName val="様式1_工事概要"/>
      <sheetName val="様式2_使用機械"/>
      <sheetName val="様式3-1_日報【設置撤去】"/>
      <sheetName val="様式3-1_日報【改変作業】"/>
      <sheetName val="様式4"/>
      <sheetName val="様式5"/>
    </sheetNames>
    <sheetDataSet>
      <sheetData sheetId="0"/>
      <sheetData sheetId="1"/>
      <sheetData sheetId="2"/>
      <sheetData sheetId="3"/>
      <sheetData sheetId="4">
        <row r="19">
          <cell r="G19" t="str">
            <v>土木一般世話役</v>
          </cell>
        </row>
        <row r="23">
          <cell r="G23" t="str">
            <v>とび工</v>
          </cell>
        </row>
        <row r="25">
          <cell r="G25" t="str">
            <v>普通作業員</v>
          </cell>
        </row>
      </sheetData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99"/>
    <pageSetUpPr fitToPage="1"/>
  </sheetPr>
  <dimension ref="A1:AL265"/>
  <sheetViews>
    <sheetView tabSelected="1" view="pageBreakPreview" topLeftCell="A133" zoomScale="90" zoomScaleNormal="100" zoomScaleSheetLayoutView="90" workbookViewId="0"/>
  </sheetViews>
  <sheetFormatPr defaultColWidth="3.77734375" defaultRowHeight="17.25" customHeight="1" x14ac:dyDescent="0.2"/>
  <cols>
    <col min="2" max="2" width="3.77734375" style="28"/>
    <col min="3" max="3" width="3.77734375" style="5"/>
    <col min="4" max="4" width="3.77734375" style="5" customWidth="1"/>
    <col min="5" max="28" width="3.77734375" style="5"/>
    <col min="29" max="29" width="3.77734375" style="5" customWidth="1"/>
    <col min="30" max="30" width="3.77734375" style="2" customWidth="1"/>
    <col min="31" max="31" width="3.77734375" style="3"/>
    <col min="32" max="32" width="3.77734375" style="1"/>
    <col min="33" max="33" width="4.21875" style="1" customWidth="1"/>
    <col min="34" max="39" width="3.77734375" style="1"/>
    <col min="40" max="40" width="3.6640625" style="1" customWidth="1"/>
    <col min="41" max="16384" width="3.77734375" style="1"/>
  </cols>
  <sheetData>
    <row r="1" spans="2:34" ht="16.5" customHeight="1" x14ac:dyDescent="0.2">
      <c r="D1" s="119" t="s">
        <v>155</v>
      </c>
      <c r="E1" s="119"/>
      <c r="F1" s="119"/>
      <c r="G1" s="119"/>
      <c r="H1" s="119"/>
      <c r="I1" s="119"/>
      <c r="J1" s="119"/>
      <c r="K1" s="119"/>
      <c r="L1" s="119"/>
      <c r="M1" s="119"/>
      <c r="N1" s="119"/>
      <c r="O1" s="119"/>
      <c r="P1" s="119"/>
      <c r="Q1" s="119"/>
      <c r="R1" s="119"/>
      <c r="S1" s="119"/>
      <c r="T1" s="119"/>
      <c r="U1" s="119"/>
      <c r="V1" s="119"/>
      <c r="W1" s="119"/>
      <c r="X1" s="119"/>
      <c r="Y1" s="119"/>
      <c r="Z1" s="119"/>
      <c r="AA1" s="119"/>
      <c r="AB1" s="119"/>
      <c r="AC1" s="119"/>
      <c r="AD1" s="1"/>
      <c r="AE1" s="1"/>
    </row>
    <row r="2" spans="2:34" ht="16.5" customHeight="1" x14ac:dyDescent="0.2">
      <c r="D2" s="119"/>
      <c r="E2" s="119"/>
      <c r="F2" s="119"/>
      <c r="G2" s="119"/>
      <c r="H2" s="119"/>
      <c r="I2" s="119"/>
      <c r="J2" s="119"/>
      <c r="K2" s="119"/>
      <c r="L2" s="119"/>
      <c r="M2" s="119"/>
      <c r="N2" s="119"/>
      <c r="O2" s="119"/>
      <c r="P2" s="119"/>
      <c r="Q2" s="119"/>
      <c r="R2" s="119"/>
      <c r="S2" s="119"/>
      <c r="T2" s="119"/>
      <c r="U2" s="119"/>
      <c r="V2" s="119"/>
      <c r="W2" s="119"/>
      <c r="X2" s="119"/>
      <c r="Y2" s="119"/>
      <c r="Z2" s="119"/>
      <c r="AA2" s="119"/>
      <c r="AB2" s="119"/>
      <c r="AC2" s="119"/>
      <c r="AD2" s="1"/>
      <c r="AE2" s="1"/>
    </row>
    <row r="3" spans="2:34" ht="16.5" customHeight="1" x14ac:dyDescent="0.2">
      <c r="D3" s="69"/>
      <c r="F3" s="69"/>
      <c r="G3" s="69"/>
      <c r="H3" s="69"/>
      <c r="I3" s="69"/>
      <c r="J3" s="69"/>
      <c r="K3" s="69"/>
      <c r="L3" s="69"/>
      <c r="M3" s="69"/>
      <c r="N3" s="69"/>
      <c r="O3" s="69"/>
      <c r="P3" s="69"/>
      <c r="Q3" s="69"/>
      <c r="R3" s="69"/>
      <c r="S3" s="69"/>
      <c r="T3" s="69"/>
      <c r="U3" s="69"/>
      <c r="V3" s="69"/>
      <c r="W3" s="69"/>
      <c r="X3" s="69"/>
      <c r="Y3" s="69"/>
      <c r="Z3" s="69"/>
      <c r="AA3" s="69"/>
      <c r="AB3" s="69"/>
      <c r="AC3" s="69"/>
      <c r="AD3" s="1"/>
      <c r="AE3" s="1"/>
    </row>
    <row r="4" spans="2:34" ht="16.5" customHeight="1" x14ac:dyDescent="0.2">
      <c r="D4" s="69"/>
      <c r="E4" s="72" t="s">
        <v>114</v>
      </c>
      <c r="F4" s="69"/>
      <c r="G4" s="69"/>
      <c r="H4" s="69"/>
      <c r="I4" s="69"/>
      <c r="J4" s="69"/>
      <c r="K4" s="69"/>
      <c r="L4" s="69"/>
      <c r="M4" s="69"/>
      <c r="N4" s="69"/>
      <c r="O4" s="69"/>
      <c r="P4" s="69"/>
      <c r="Q4" s="69"/>
      <c r="R4" s="69"/>
      <c r="S4" s="69"/>
      <c r="T4" s="69"/>
      <c r="U4" s="69"/>
      <c r="V4" s="69"/>
      <c r="W4" s="69"/>
      <c r="X4" s="69"/>
      <c r="Y4" s="69"/>
      <c r="Z4" s="69"/>
      <c r="AA4" s="69"/>
      <c r="AB4" s="69"/>
      <c r="AC4" s="69"/>
      <c r="AD4" s="1"/>
      <c r="AE4" s="1"/>
    </row>
    <row r="5" spans="2:34" ht="16.5" customHeight="1" x14ac:dyDescent="0.2">
      <c r="D5" s="69"/>
      <c r="E5" s="5">
        <v>1</v>
      </c>
      <c r="F5" s="5" t="s">
        <v>115</v>
      </c>
      <c r="G5" s="69"/>
      <c r="H5" s="69"/>
      <c r="I5" s="69"/>
      <c r="J5" s="69"/>
      <c r="K5" s="69"/>
      <c r="L5" s="69"/>
      <c r="M5" s="69"/>
      <c r="N5" s="69"/>
      <c r="O5" s="69"/>
      <c r="P5" s="69"/>
      <c r="Q5" s="69"/>
      <c r="R5" s="69"/>
      <c r="S5" s="69"/>
      <c r="T5" s="69"/>
      <c r="U5" s="69"/>
      <c r="V5" s="69"/>
      <c r="W5" s="69"/>
      <c r="X5" s="69"/>
      <c r="Y5" s="69"/>
      <c r="Z5" s="69"/>
      <c r="AA5" s="69"/>
      <c r="AB5" s="69"/>
      <c r="AC5" s="69"/>
      <c r="AD5" s="1"/>
      <c r="AE5" s="1"/>
    </row>
    <row r="6" spans="2:34" ht="16.5" customHeight="1" x14ac:dyDescent="0.2">
      <c r="D6" s="69"/>
      <c r="E6" s="5">
        <v>2</v>
      </c>
      <c r="F6" s="71" t="s">
        <v>127</v>
      </c>
      <c r="AC6" s="69"/>
      <c r="AD6" s="1"/>
      <c r="AE6" s="1"/>
    </row>
    <row r="7" spans="2:34" ht="16.5" customHeight="1" x14ac:dyDescent="0.2">
      <c r="D7" s="27"/>
      <c r="E7" s="5">
        <v>3</v>
      </c>
      <c r="F7" s="5" t="s">
        <v>123</v>
      </c>
      <c r="AC7" s="27"/>
      <c r="AD7" s="1"/>
      <c r="AE7" s="1"/>
    </row>
    <row r="8" spans="2:34" ht="16.5" customHeight="1" x14ac:dyDescent="0.2">
      <c r="D8" s="27"/>
      <c r="E8" s="5">
        <v>4</v>
      </c>
      <c r="F8" s="5" t="s">
        <v>156</v>
      </c>
      <c r="AC8" s="27"/>
      <c r="AD8" s="1"/>
      <c r="AE8" s="1"/>
    </row>
    <row r="9" spans="2:34" ht="16.5" customHeight="1" x14ac:dyDescent="0.2">
      <c r="D9" s="27"/>
      <c r="F9" s="71" t="s">
        <v>122</v>
      </c>
      <c r="AC9" s="27"/>
      <c r="AD9" s="1"/>
      <c r="AE9" s="1"/>
    </row>
    <row r="10" spans="2:34" ht="16.5" customHeight="1" x14ac:dyDescent="0.2">
      <c r="D10" s="27"/>
      <c r="AC10" s="27"/>
      <c r="AD10" s="1"/>
      <c r="AE10" s="1"/>
    </row>
    <row r="11" spans="2:34" ht="16.5" customHeight="1" x14ac:dyDescent="0.2">
      <c r="D11" s="85" t="s">
        <v>152</v>
      </c>
      <c r="E11" s="95"/>
      <c r="F11" s="97" t="s">
        <v>116</v>
      </c>
      <c r="G11" s="90"/>
      <c r="H11" s="90"/>
      <c r="I11" s="90"/>
      <c r="J11" s="90"/>
      <c r="K11" s="90"/>
      <c r="L11" s="90"/>
      <c r="M11" s="90"/>
      <c r="N11" s="90"/>
      <c r="O11" s="90"/>
      <c r="P11" s="90"/>
      <c r="Q11" s="90"/>
      <c r="R11" s="90"/>
      <c r="S11" s="90"/>
      <c r="T11" s="90"/>
      <c r="U11" s="90"/>
      <c r="V11" s="90"/>
      <c r="W11" s="90"/>
      <c r="X11" s="90"/>
      <c r="Y11" s="90"/>
      <c r="Z11" s="90"/>
      <c r="AA11" s="90"/>
      <c r="AB11" s="90"/>
      <c r="AC11" s="91"/>
      <c r="AD11" s="1"/>
      <c r="AE11" s="1"/>
    </row>
    <row r="12" spans="2:34" ht="16.5" customHeight="1" x14ac:dyDescent="0.2">
      <c r="D12" s="87"/>
      <c r="E12" s="96"/>
      <c r="F12" s="92"/>
      <c r="G12" s="93"/>
      <c r="H12" s="93"/>
      <c r="I12" s="93"/>
      <c r="J12" s="93"/>
      <c r="K12" s="93"/>
      <c r="L12" s="93"/>
      <c r="M12" s="93"/>
      <c r="N12" s="93"/>
      <c r="O12" s="93"/>
      <c r="P12" s="93"/>
      <c r="Q12" s="93"/>
      <c r="R12" s="93"/>
      <c r="S12" s="93"/>
      <c r="T12" s="93"/>
      <c r="U12" s="93"/>
      <c r="V12" s="93"/>
      <c r="W12" s="93"/>
      <c r="X12" s="93"/>
      <c r="Y12" s="93"/>
      <c r="Z12" s="93"/>
      <c r="AA12" s="93"/>
      <c r="AB12" s="93"/>
      <c r="AC12" s="94"/>
      <c r="AD12" s="1"/>
      <c r="AE12" s="1"/>
    </row>
    <row r="13" spans="2:34" ht="16.5" customHeight="1" x14ac:dyDescent="0.2">
      <c r="D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1"/>
      <c r="AE13" s="1"/>
    </row>
    <row r="14" spans="2:34" ht="16.5" customHeight="1" x14ac:dyDescent="0.2">
      <c r="D14" s="5" t="s">
        <v>52</v>
      </c>
      <c r="E14" s="5" t="s">
        <v>125</v>
      </c>
      <c r="P14" s="29"/>
      <c r="Q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</row>
    <row r="15" spans="2:34" ht="7.5" customHeight="1" x14ac:dyDescent="0.2">
      <c r="B15" s="5"/>
      <c r="AD15" s="1"/>
      <c r="AE15" s="1"/>
    </row>
    <row r="16" spans="2:34" ht="16.5" customHeight="1" x14ac:dyDescent="0.2">
      <c r="E16" s="116" t="s">
        <v>1</v>
      </c>
      <c r="F16" s="117"/>
      <c r="G16" s="117"/>
      <c r="H16" s="117"/>
      <c r="I16" s="117"/>
      <c r="J16" s="118"/>
      <c r="K16" s="111"/>
      <c r="L16" s="111"/>
      <c r="M16" s="111"/>
      <c r="N16" s="111"/>
      <c r="O16" s="111"/>
      <c r="P16" s="111"/>
      <c r="Q16" s="111"/>
      <c r="R16" s="111"/>
      <c r="S16" s="111"/>
      <c r="T16" s="111"/>
      <c r="U16" s="111"/>
      <c r="V16" s="111"/>
      <c r="W16" s="111"/>
      <c r="X16" s="111"/>
      <c r="Y16" s="111"/>
      <c r="Z16" s="111"/>
      <c r="AA16" s="30"/>
      <c r="AB16" s="30"/>
      <c r="AC16" s="30"/>
      <c r="AD16" s="1"/>
      <c r="AE16" s="1"/>
      <c r="AH16" s="18"/>
    </row>
    <row r="17" spans="2:35" ht="16.5" customHeight="1" x14ac:dyDescent="0.2">
      <c r="E17" s="116" t="s">
        <v>2</v>
      </c>
      <c r="F17" s="117"/>
      <c r="G17" s="117"/>
      <c r="H17" s="117"/>
      <c r="I17" s="117"/>
      <c r="J17" s="118"/>
      <c r="K17" s="111"/>
      <c r="L17" s="111"/>
      <c r="M17" s="111"/>
      <c r="N17" s="111"/>
      <c r="O17" s="111"/>
      <c r="P17" s="111"/>
      <c r="Q17" s="111"/>
      <c r="R17" s="111"/>
      <c r="S17" s="111"/>
      <c r="T17" s="111"/>
      <c r="U17" s="111"/>
      <c r="V17" s="111"/>
      <c r="W17" s="111"/>
      <c r="X17" s="111"/>
      <c r="Y17" s="111"/>
      <c r="Z17" s="111"/>
      <c r="AA17" s="30"/>
      <c r="AB17" s="30"/>
      <c r="AC17" s="30"/>
      <c r="AD17" s="1"/>
      <c r="AE17" s="1"/>
    </row>
    <row r="18" spans="2:35" ht="16.5" customHeight="1" x14ac:dyDescent="0.2">
      <c r="E18" s="116" t="s">
        <v>130</v>
      </c>
      <c r="F18" s="117"/>
      <c r="G18" s="117"/>
      <c r="H18" s="117"/>
      <c r="I18" s="117"/>
      <c r="J18" s="118"/>
      <c r="K18" s="63" t="s">
        <v>110</v>
      </c>
      <c r="L18" s="110"/>
      <c r="M18" s="110"/>
      <c r="N18" s="110"/>
      <c r="O18" s="110"/>
      <c r="P18" s="110"/>
      <c r="Q18" s="110"/>
      <c r="R18" s="110"/>
      <c r="S18" s="63" t="s">
        <v>111</v>
      </c>
      <c r="T18" s="111"/>
      <c r="U18" s="111"/>
      <c r="V18" s="111"/>
      <c r="W18" s="111"/>
      <c r="X18" s="111"/>
      <c r="Y18" s="111"/>
      <c r="Z18" s="111"/>
      <c r="AA18" s="30"/>
      <c r="AB18" s="30"/>
      <c r="AC18" s="30"/>
      <c r="AD18" s="1"/>
      <c r="AE18" s="1"/>
      <c r="AH18" s="18"/>
    </row>
    <row r="19" spans="2:35" ht="16.5" customHeight="1" x14ac:dyDescent="0.2">
      <c r="E19" s="116" t="s">
        <v>113</v>
      </c>
      <c r="F19" s="117"/>
      <c r="G19" s="117"/>
      <c r="H19" s="117"/>
      <c r="I19" s="117"/>
      <c r="J19" s="118"/>
      <c r="K19" s="111"/>
      <c r="L19" s="111"/>
      <c r="M19" s="111"/>
      <c r="N19" s="111"/>
      <c r="O19" s="111"/>
      <c r="P19" s="111"/>
      <c r="Q19" s="111"/>
      <c r="R19" s="111"/>
      <c r="S19" s="111"/>
      <c r="T19" s="111"/>
      <c r="U19" s="111"/>
      <c r="V19" s="111"/>
      <c r="W19" s="111"/>
      <c r="X19" s="111"/>
      <c r="Y19" s="111"/>
      <c r="Z19" s="111"/>
      <c r="AA19" s="30"/>
      <c r="AB19" s="30"/>
      <c r="AC19" s="30"/>
      <c r="AD19" s="1"/>
      <c r="AE19" s="1"/>
    </row>
    <row r="20" spans="2:35" ht="16.5" customHeight="1" x14ac:dyDescent="0.2">
      <c r="E20" s="116" t="s">
        <v>13</v>
      </c>
      <c r="F20" s="117"/>
      <c r="G20" s="117"/>
      <c r="H20" s="117"/>
      <c r="I20" s="117"/>
      <c r="J20" s="118"/>
      <c r="K20" s="120"/>
      <c r="L20" s="110"/>
      <c r="M20" s="110"/>
      <c r="N20" s="110"/>
      <c r="O20" s="110"/>
      <c r="P20" s="110"/>
      <c r="Q20" s="110"/>
      <c r="R20" s="110"/>
      <c r="S20" s="110"/>
      <c r="T20" s="110"/>
      <c r="U20" s="110"/>
      <c r="V20" s="110"/>
      <c r="W20" s="110"/>
      <c r="X20" s="110"/>
      <c r="Y20" s="110"/>
      <c r="Z20" s="121"/>
      <c r="AA20" s="30"/>
      <c r="AB20" s="30"/>
      <c r="AC20" s="30"/>
      <c r="AD20" s="1"/>
      <c r="AE20" s="1"/>
      <c r="AG20" s="1" t="s">
        <v>93</v>
      </c>
      <c r="AH20" s="1" t="s">
        <v>91</v>
      </c>
      <c r="AI20" s="1" t="s">
        <v>92</v>
      </c>
    </row>
    <row r="21" spans="2:35" ht="16.5" customHeight="1" x14ac:dyDescent="0.2">
      <c r="E21" s="116" t="s">
        <v>12</v>
      </c>
      <c r="F21" s="117"/>
      <c r="G21" s="117"/>
      <c r="H21" s="117"/>
      <c r="I21" s="117"/>
      <c r="J21" s="118"/>
      <c r="K21" s="111"/>
      <c r="L21" s="111"/>
      <c r="M21" s="111"/>
      <c r="N21" s="111"/>
      <c r="O21" s="111"/>
      <c r="P21" s="111"/>
      <c r="Q21" s="111"/>
      <c r="R21" s="111"/>
      <c r="S21" s="111"/>
      <c r="T21" s="111"/>
      <c r="U21" s="111"/>
      <c r="V21" s="111"/>
      <c r="W21" s="111"/>
      <c r="X21" s="111"/>
      <c r="Y21" s="111"/>
      <c r="Z21" s="111"/>
      <c r="AA21" s="30"/>
      <c r="AB21" s="30"/>
      <c r="AC21" s="30"/>
      <c r="AD21" s="1"/>
      <c r="AE21" s="1"/>
    </row>
    <row r="22" spans="2:35" ht="16.5" customHeight="1" x14ac:dyDescent="0.2">
      <c r="B22" s="5"/>
      <c r="E22" s="22" t="s">
        <v>131</v>
      </c>
      <c r="F22" s="6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3"/>
      <c r="R22" s="13"/>
      <c r="S22" s="13"/>
      <c r="T22" s="13"/>
      <c r="U22" s="13"/>
      <c r="V22" s="13"/>
      <c r="W22" s="13"/>
      <c r="X22" s="13"/>
      <c r="Y22" s="13"/>
      <c r="Z22" s="13"/>
      <c r="AA22" s="13"/>
      <c r="AD22" s="1"/>
      <c r="AE22" s="1"/>
    </row>
    <row r="23" spans="2:35" ht="16.5" customHeight="1" x14ac:dyDescent="0.2">
      <c r="B23" s="5"/>
      <c r="E23" s="22"/>
      <c r="F23" s="6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3"/>
      <c r="R23" s="13"/>
      <c r="S23" s="13"/>
      <c r="T23" s="13"/>
      <c r="U23" s="13"/>
      <c r="V23" s="13"/>
      <c r="W23" s="13"/>
      <c r="X23" s="13"/>
      <c r="Y23" s="13"/>
      <c r="Z23" s="13"/>
      <c r="AA23" s="13"/>
      <c r="AD23" s="1"/>
      <c r="AE23" s="1"/>
    </row>
    <row r="24" spans="2:35" ht="7.5" customHeight="1" x14ac:dyDescent="0.2">
      <c r="B24" s="5"/>
      <c r="D24" s="31"/>
      <c r="E24" s="1"/>
      <c r="AD24" s="1"/>
      <c r="AE24" s="1"/>
    </row>
    <row r="25" spans="2:35" ht="16.5" customHeight="1" x14ac:dyDescent="0.2">
      <c r="D25" s="85" t="s">
        <v>117</v>
      </c>
      <c r="E25" s="95"/>
      <c r="F25" s="97" t="s">
        <v>75</v>
      </c>
      <c r="G25" s="90"/>
      <c r="H25" s="90"/>
      <c r="I25" s="90"/>
      <c r="J25" s="90"/>
      <c r="K25" s="90"/>
      <c r="L25" s="90"/>
      <c r="M25" s="90"/>
      <c r="N25" s="90"/>
      <c r="O25" s="90"/>
      <c r="P25" s="90"/>
      <c r="Q25" s="90"/>
      <c r="R25" s="90"/>
      <c r="S25" s="90"/>
      <c r="T25" s="90"/>
      <c r="U25" s="90"/>
      <c r="V25" s="90"/>
      <c r="W25" s="90"/>
      <c r="X25" s="90"/>
      <c r="Y25" s="90"/>
      <c r="Z25" s="90"/>
      <c r="AA25" s="90"/>
      <c r="AB25" s="90"/>
      <c r="AC25" s="91"/>
      <c r="AD25" s="1"/>
      <c r="AE25" s="1"/>
    </row>
    <row r="26" spans="2:35" ht="16.5" customHeight="1" x14ac:dyDescent="0.2">
      <c r="D26" s="87"/>
      <c r="E26" s="96"/>
      <c r="F26" s="92"/>
      <c r="G26" s="93"/>
      <c r="H26" s="93"/>
      <c r="I26" s="93"/>
      <c r="J26" s="93"/>
      <c r="K26" s="93"/>
      <c r="L26" s="93"/>
      <c r="M26" s="93"/>
      <c r="N26" s="93"/>
      <c r="O26" s="93"/>
      <c r="P26" s="93"/>
      <c r="Q26" s="93"/>
      <c r="R26" s="93"/>
      <c r="S26" s="93"/>
      <c r="T26" s="93"/>
      <c r="U26" s="93"/>
      <c r="V26" s="93"/>
      <c r="W26" s="93"/>
      <c r="X26" s="93"/>
      <c r="Y26" s="93"/>
      <c r="Z26" s="93"/>
      <c r="AA26" s="93"/>
      <c r="AB26" s="93"/>
      <c r="AC26" s="94"/>
      <c r="AD26" s="1"/>
      <c r="AE26" s="1"/>
    </row>
    <row r="27" spans="2:35" ht="16.5" customHeight="1" x14ac:dyDescent="0.2">
      <c r="E27" s="32"/>
      <c r="F27" s="33"/>
      <c r="G27" s="33"/>
      <c r="H27" s="33"/>
      <c r="I27" s="33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D27" s="13"/>
      <c r="AE27" s="1"/>
    </row>
    <row r="28" spans="2:35" ht="16.5" customHeight="1" x14ac:dyDescent="0.2">
      <c r="D28" s="5" t="s">
        <v>52</v>
      </c>
      <c r="E28" s="5" t="s">
        <v>60</v>
      </c>
      <c r="P28" s="29"/>
      <c r="Q28" s="1"/>
      <c r="T28" s="1"/>
      <c r="U28" s="1"/>
      <c r="V28" s="1"/>
      <c r="X28" s="1"/>
      <c r="Y28" s="51" t="s">
        <v>34</v>
      </c>
      <c r="Z28" s="122"/>
      <c r="AA28" s="122"/>
      <c r="AB28" s="122"/>
      <c r="AC28" s="122"/>
      <c r="AE28" s="1"/>
      <c r="AG28" s="1" t="s">
        <v>61</v>
      </c>
      <c r="AH28" s="1" t="s">
        <v>62</v>
      </c>
    </row>
    <row r="29" spans="2:35" ht="7.5" customHeight="1" x14ac:dyDescent="0.2">
      <c r="B29" s="5"/>
      <c r="AD29" s="1"/>
      <c r="AE29" s="1"/>
    </row>
    <row r="30" spans="2:35" ht="16.5" customHeight="1" x14ac:dyDescent="0.2">
      <c r="D30" s="5" t="s">
        <v>52</v>
      </c>
      <c r="E30" s="5" t="s">
        <v>63</v>
      </c>
      <c r="P30" s="34"/>
      <c r="AD30" s="1"/>
      <c r="AE30" s="1"/>
    </row>
    <row r="31" spans="2:35" ht="7.5" customHeight="1" x14ac:dyDescent="0.2">
      <c r="B31" s="5"/>
      <c r="D31" s="31"/>
      <c r="E31" s="1"/>
      <c r="AD31" s="1"/>
      <c r="AE31" s="1"/>
    </row>
    <row r="32" spans="2:35" ht="16.5" customHeight="1" x14ac:dyDescent="0.2">
      <c r="D32" s="1"/>
      <c r="E32" s="1"/>
      <c r="G32" s="29" t="s">
        <v>48</v>
      </c>
      <c r="H32" s="98" t="s">
        <v>126</v>
      </c>
      <c r="I32" s="99"/>
      <c r="J32" s="99"/>
      <c r="K32" s="99"/>
      <c r="L32" s="99"/>
      <c r="M32" s="99"/>
      <c r="N32" s="99"/>
      <c r="O32" s="99"/>
      <c r="P32" s="99"/>
      <c r="Q32" s="99"/>
      <c r="R32" s="99"/>
      <c r="S32" s="99"/>
      <c r="T32" s="99"/>
      <c r="U32" s="99"/>
      <c r="V32" s="99"/>
      <c r="W32" s="99"/>
      <c r="X32" s="99"/>
      <c r="Y32" s="99"/>
      <c r="Z32" s="99"/>
      <c r="AA32" s="99"/>
      <c r="AB32" s="99"/>
      <c r="AC32" s="100"/>
      <c r="AD32" s="1"/>
      <c r="AE32" s="1"/>
    </row>
    <row r="33" spans="2:38" ht="7.5" customHeight="1" x14ac:dyDescent="0.2">
      <c r="B33" s="5"/>
      <c r="D33" s="3"/>
      <c r="E33" s="3"/>
      <c r="F33" s="7"/>
      <c r="G33" s="53"/>
      <c r="H33" s="101"/>
      <c r="I33" s="102"/>
      <c r="J33" s="102"/>
      <c r="K33" s="102"/>
      <c r="L33" s="102"/>
      <c r="M33" s="102"/>
      <c r="N33" s="102"/>
      <c r="O33" s="102"/>
      <c r="P33" s="102"/>
      <c r="Q33" s="102"/>
      <c r="R33" s="102"/>
      <c r="S33" s="102"/>
      <c r="T33" s="102"/>
      <c r="U33" s="102"/>
      <c r="V33" s="102"/>
      <c r="W33" s="102"/>
      <c r="X33" s="102"/>
      <c r="Y33" s="102"/>
      <c r="Z33" s="102"/>
      <c r="AA33" s="102"/>
      <c r="AB33" s="102"/>
      <c r="AC33" s="103"/>
      <c r="AD33" s="1"/>
      <c r="AE33" s="1"/>
    </row>
    <row r="34" spans="2:38" ht="16.5" customHeight="1" x14ac:dyDescent="0.2">
      <c r="D34" s="11"/>
      <c r="E34" s="11"/>
      <c r="F34" s="11"/>
      <c r="G34" s="11"/>
      <c r="H34" s="101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Y34" s="102"/>
      <c r="Z34" s="102"/>
      <c r="AA34" s="102"/>
      <c r="AB34" s="102"/>
      <c r="AC34" s="103"/>
      <c r="AD34" s="1"/>
      <c r="AE34" s="1"/>
    </row>
    <row r="35" spans="2:38" ht="7.5" customHeight="1" x14ac:dyDescent="0.2">
      <c r="B35" s="5"/>
      <c r="C35" s="7"/>
      <c r="D35" s="11"/>
      <c r="E35" s="11"/>
      <c r="F35" s="11"/>
      <c r="G35" s="11"/>
      <c r="H35" s="104"/>
      <c r="I35" s="105"/>
      <c r="J35" s="105"/>
      <c r="K35" s="105"/>
      <c r="L35" s="105"/>
      <c r="M35" s="105"/>
      <c r="N35" s="105"/>
      <c r="O35" s="105"/>
      <c r="P35" s="105"/>
      <c r="Q35" s="105"/>
      <c r="R35" s="105"/>
      <c r="S35" s="105"/>
      <c r="T35" s="105"/>
      <c r="U35" s="105"/>
      <c r="V35" s="105"/>
      <c r="W35" s="105"/>
      <c r="X35" s="105"/>
      <c r="Y35" s="105"/>
      <c r="Z35" s="105"/>
      <c r="AA35" s="105"/>
      <c r="AB35" s="105"/>
      <c r="AC35" s="106"/>
      <c r="AD35" s="1"/>
      <c r="AE35" s="1"/>
    </row>
    <row r="36" spans="2:38" ht="7.5" customHeight="1" x14ac:dyDescent="0.2">
      <c r="B36" s="5"/>
      <c r="D36" s="31"/>
      <c r="E36" s="1"/>
      <c r="AD36" s="1"/>
      <c r="AE36" s="1"/>
    </row>
    <row r="37" spans="2:38" ht="15.75" customHeight="1" x14ac:dyDescent="0.2">
      <c r="D37" s="1"/>
      <c r="E37" s="7" t="s">
        <v>141</v>
      </c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  <c r="Z37" s="7"/>
      <c r="AD37" s="13"/>
      <c r="AE37" s="1"/>
    </row>
    <row r="38" spans="2:38" ht="13.2" x14ac:dyDescent="0.2">
      <c r="D38" s="15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  <c r="Z38" s="7"/>
      <c r="AD38" s="13"/>
      <c r="AE38" s="1"/>
    </row>
    <row r="39" spans="2:38" ht="7.5" customHeight="1" x14ac:dyDescent="0.2">
      <c r="B39" s="5"/>
      <c r="D39" s="31"/>
      <c r="E39" s="1"/>
      <c r="AD39" s="1"/>
      <c r="AE39" s="1"/>
    </row>
    <row r="40" spans="2:38" ht="16.5" customHeight="1" x14ac:dyDescent="0.2">
      <c r="D40" s="85" t="s">
        <v>118</v>
      </c>
      <c r="E40" s="95"/>
      <c r="F40" s="97" t="s">
        <v>76</v>
      </c>
      <c r="G40" s="90"/>
      <c r="H40" s="90"/>
      <c r="I40" s="90"/>
      <c r="J40" s="90"/>
      <c r="K40" s="90"/>
      <c r="L40" s="90"/>
      <c r="M40" s="90"/>
      <c r="N40" s="90"/>
      <c r="O40" s="90"/>
      <c r="P40" s="90"/>
      <c r="Q40" s="90"/>
      <c r="R40" s="90"/>
      <c r="S40" s="90"/>
      <c r="T40" s="90"/>
      <c r="U40" s="90"/>
      <c r="V40" s="90"/>
      <c r="W40" s="90"/>
      <c r="X40" s="90"/>
      <c r="Y40" s="90"/>
      <c r="Z40" s="90"/>
      <c r="AA40" s="90"/>
      <c r="AB40" s="90"/>
      <c r="AC40" s="91"/>
      <c r="AD40" s="1"/>
      <c r="AE40" s="1"/>
    </row>
    <row r="41" spans="2:38" ht="16.5" customHeight="1" x14ac:dyDescent="0.2">
      <c r="D41" s="87"/>
      <c r="E41" s="96"/>
      <c r="F41" s="92"/>
      <c r="G41" s="93"/>
      <c r="H41" s="93"/>
      <c r="I41" s="93"/>
      <c r="J41" s="93"/>
      <c r="K41" s="93"/>
      <c r="L41" s="93"/>
      <c r="M41" s="93"/>
      <c r="N41" s="93"/>
      <c r="O41" s="93"/>
      <c r="P41" s="93"/>
      <c r="Q41" s="93"/>
      <c r="R41" s="93"/>
      <c r="S41" s="93"/>
      <c r="T41" s="93"/>
      <c r="U41" s="93"/>
      <c r="V41" s="93"/>
      <c r="W41" s="93"/>
      <c r="X41" s="93"/>
      <c r="Y41" s="93"/>
      <c r="Z41" s="93"/>
      <c r="AA41" s="93"/>
      <c r="AB41" s="93"/>
      <c r="AC41" s="94"/>
      <c r="AD41" s="1"/>
      <c r="AE41" s="1"/>
    </row>
    <row r="42" spans="2:38" ht="16.5" customHeight="1" x14ac:dyDescent="0.2">
      <c r="E42" s="32"/>
      <c r="F42" s="33"/>
      <c r="G42" s="33"/>
      <c r="H42" s="33"/>
      <c r="I42" s="33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  <c r="Z42" s="7"/>
      <c r="AD42" s="13"/>
      <c r="AE42" s="1"/>
    </row>
    <row r="43" spans="2:38" ht="16.5" customHeight="1" x14ac:dyDescent="0.2">
      <c r="D43" s="5" t="s">
        <v>52</v>
      </c>
      <c r="E43" s="5" t="s">
        <v>53</v>
      </c>
      <c r="P43" s="29"/>
      <c r="Q43" s="1"/>
      <c r="U43" s="1"/>
      <c r="V43" s="51" t="s">
        <v>34</v>
      </c>
      <c r="W43" s="107"/>
      <c r="X43" s="108"/>
      <c r="Y43" s="108"/>
      <c r="Z43" s="108"/>
      <c r="AA43" s="108"/>
      <c r="AB43" s="108"/>
      <c r="AC43" s="109"/>
      <c r="AE43" s="1"/>
      <c r="AG43" s="1" t="s">
        <v>18</v>
      </c>
      <c r="AH43" s="1" t="s">
        <v>15</v>
      </c>
      <c r="AI43" s="1" t="s">
        <v>16</v>
      </c>
      <c r="AJ43" s="1" t="s">
        <v>35</v>
      </c>
      <c r="AK43" s="1" t="s">
        <v>17</v>
      </c>
      <c r="AL43" s="1" t="s">
        <v>14</v>
      </c>
    </row>
    <row r="44" spans="2:38" ht="7.5" customHeight="1" x14ac:dyDescent="0.2">
      <c r="B44" s="5"/>
      <c r="AD44" s="1"/>
      <c r="AE44" s="1"/>
    </row>
    <row r="45" spans="2:38" ht="16.5" customHeight="1" x14ac:dyDescent="0.2">
      <c r="D45" s="5" t="s">
        <v>52</v>
      </c>
      <c r="E45" s="5" t="s">
        <v>54</v>
      </c>
      <c r="H45" s="34"/>
      <c r="AD45" s="1"/>
      <c r="AE45" s="1"/>
    </row>
    <row r="46" spans="2:38" ht="7.5" customHeight="1" x14ac:dyDescent="0.2">
      <c r="B46" s="5"/>
      <c r="AD46" s="1"/>
      <c r="AE46" s="1"/>
    </row>
    <row r="47" spans="2:38" ht="16.5" customHeight="1" x14ac:dyDescent="0.2">
      <c r="D47" s="31"/>
      <c r="E47" s="34" t="s">
        <v>102</v>
      </c>
      <c r="AD47" s="1"/>
      <c r="AE47" s="1"/>
    </row>
    <row r="48" spans="2:38" ht="7.5" customHeight="1" x14ac:dyDescent="0.2">
      <c r="B48" s="5"/>
      <c r="AD48" s="1"/>
      <c r="AE48" s="1"/>
    </row>
    <row r="49" spans="2:35" s="4" customFormat="1" ht="16.5" customHeight="1" x14ac:dyDescent="0.2">
      <c r="B49" s="28"/>
      <c r="C49" s="5"/>
      <c r="D49" s="5">
        <v>1</v>
      </c>
      <c r="E49" s="5" t="s">
        <v>6</v>
      </c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T49" s="5"/>
      <c r="U49" s="5"/>
      <c r="V49" s="5"/>
      <c r="W49" s="5"/>
      <c r="X49" s="5"/>
      <c r="Z49" s="51" t="s">
        <v>33</v>
      </c>
      <c r="AA49" s="107"/>
      <c r="AB49" s="108"/>
      <c r="AC49" s="109"/>
      <c r="AD49" s="5"/>
      <c r="AG49" s="4" t="s">
        <v>11</v>
      </c>
      <c r="AH49" s="4" t="s">
        <v>19</v>
      </c>
      <c r="AI49" s="4" t="s">
        <v>20</v>
      </c>
    </row>
    <row r="50" spans="2:35" ht="7.5" customHeight="1" x14ac:dyDescent="0.2">
      <c r="B50" s="5"/>
      <c r="S50" s="1"/>
      <c r="Y50" s="1"/>
      <c r="Z50" s="34"/>
      <c r="AD50" s="5"/>
      <c r="AE50" s="1"/>
    </row>
    <row r="51" spans="2:35" s="4" customFormat="1" ht="16.5" customHeight="1" x14ac:dyDescent="0.2">
      <c r="B51" s="28"/>
      <c r="C51" s="5"/>
      <c r="D51" s="5">
        <v>2</v>
      </c>
      <c r="E51" s="5" t="s">
        <v>7</v>
      </c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T51" s="5"/>
      <c r="U51" s="5"/>
      <c r="V51" s="5"/>
      <c r="W51" s="5"/>
      <c r="X51" s="5"/>
      <c r="Z51" s="51" t="s">
        <v>33</v>
      </c>
      <c r="AA51" s="107"/>
      <c r="AB51" s="108"/>
      <c r="AC51" s="109"/>
      <c r="AD51" s="5"/>
      <c r="AG51" s="4" t="s">
        <v>11</v>
      </c>
      <c r="AH51" s="4" t="s">
        <v>19</v>
      </c>
      <c r="AI51" s="4" t="s">
        <v>20</v>
      </c>
    </row>
    <row r="52" spans="2:35" ht="7.5" customHeight="1" x14ac:dyDescent="0.2">
      <c r="B52" s="5"/>
      <c r="S52" s="1"/>
      <c r="Y52" s="1"/>
      <c r="Z52" s="34"/>
      <c r="AD52" s="5"/>
      <c r="AE52" s="1"/>
    </row>
    <row r="53" spans="2:35" s="5" customFormat="1" ht="16.5" customHeight="1" x14ac:dyDescent="0.2">
      <c r="B53" s="28"/>
      <c r="D53" s="5">
        <v>3</v>
      </c>
      <c r="E53" s="5" t="s">
        <v>8</v>
      </c>
      <c r="Z53" s="51" t="s">
        <v>39</v>
      </c>
      <c r="AA53" s="107"/>
      <c r="AB53" s="108"/>
      <c r="AC53" s="109"/>
      <c r="AE53" s="4"/>
      <c r="AF53" s="4"/>
      <c r="AG53" s="4" t="s">
        <v>40</v>
      </c>
      <c r="AH53" s="4" t="s">
        <v>19</v>
      </c>
      <c r="AI53" s="4" t="s">
        <v>41</v>
      </c>
    </row>
    <row r="54" spans="2:35" ht="7.5" customHeight="1" x14ac:dyDescent="0.2">
      <c r="B54" s="5"/>
      <c r="S54" s="1"/>
      <c r="Y54" s="1"/>
      <c r="Z54" s="34"/>
      <c r="AD54" s="5"/>
      <c r="AE54" s="1"/>
    </row>
    <row r="55" spans="2:35" s="5" customFormat="1" ht="16.5" customHeight="1" x14ac:dyDescent="0.2">
      <c r="B55" s="28"/>
      <c r="D55" s="5">
        <v>4</v>
      </c>
      <c r="E55" s="5" t="s">
        <v>49</v>
      </c>
      <c r="Z55" s="51" t="s">
        <v>43</v>
      </c>
      <c r="AA55" s="107"/>
      <c r="AB55" s="108"/>
      <c r="AC55" s="109"/>
      <c r="AE55" s="4"/>
      <c r="AF55" s="4"/>
      <c r="AG55" s="4" t="s">
        <v>44</v>
      </c>
      <c r="AH55" s="4" t="s">
        <v>45</v>
      </c>
      <c r="AI55" s="4" t="s">
        <v>46</v>
      </c>
    </row>
    <row r="56" spans="2:35" ht="7.5" customHeight="1" x14ac:dyDescent="0.2">
      <c r="Y56" s="1"/>
      <c r="AD56" s="1"/>
      <c r="AE56" s="1"/>
    </row>
    <row r="57" spans="2:35" ht="16.5" customHeight="1" x14ac:dyDescent="0.2">
      <c r="D57" s="5" t="s">
        <v>55</v>
      </c>
      <c r="E57" s="5" t="s">
        <v>56</v>
      </c>
      <c r="F57" s="33"/>
      <c r="G57" s="33"/>
      <c r="H57" s="33"/>
      <c r="I57" s="33"/>
      <c r="J57" s="33"/>
      <c r="K57" s="33"/>
      <c r="L57" s="33"/>
      <c r="M57" s="33"/>
      <c r="N57" s="7"/>
      <c r="O57" s="7"/>
      <c r="P57" s="7"/>
      <c r="Q57" s="7"/>
      <c r="R57" s="7"/>
      <c r="S57" s="7"/>
      <c r="T57" s="7"/>
      <c r="U57" s="7"/>
      <c r="V57" s="7"/>
      <c r="W57" s="7"/>
      <c r="X57" s="7"/>
      <c r="Y57" s="1"/>
      <c r="Z57" s="7"/>
      <c r="AD57" s="13"/>
      <c r="AE57" s="1"/>
    </row>
    <row r="58" spans="2:35" ht="7.5" customHeight="1" x14ac:dyDescent="0.2">
      <c r="B58" s="5"/>
      <c r="U58" s="1"/>
      <c r="Y58" s="1"/>
      <c r="Z58" s="34"/>
      <c r="AD58" s="5"/>
      <c r="AE58" s="1"/>
    </row>
    <row r="59" spans="2:35" ht="16.5" customHeight="1" x14ac:dyDescent="0.2">
      <c r="D59" s="5">
        <v>1</v>
      </c>
      <c r="E59" s="5" t="s">
        <v>9</v>
      </c>
      <c r="U59" s="1"/>
      <c r="Y59" s="1"/>
      <c r="Z59" s="51" t="s">
        <v>42</v>
      </c>
      <c r="AA59" s="107"/>
      <c r="AB59" s="108"/>
      <c r="AC59" s="109"/>
      <c r="AD59" s="5"/>
      <c r="AE59" s="1"/>
      <c r="AG59" s="1" t="s">
        <v>36</v>
      </c>
      <c r="AH59" s="1" t="s">
        <v>37</v>
      </c>
      <c r="AI59" s="1" t="s">
        <v>38</v>
      </c>
    </row>
    <row r="60" spans="2:35" ht="7.5" customHeight="1" x14ac:dyDescent="0.2">
      <c r="B60" s="5"/>
      <c r="U60" s="1"/>
      <c r="Y60" s="1"/>
      <c r="Z60" s="34"/>
      <c r="AD60" s="5"/>
      <c r="AE60" s="1"/>
    </row>
    <row r="61" spans="2:35" s="4" customFormat="1" ht="16.5" customHeight="1" x14ac:dyDescent="0.2">
      <c r="B61" s="28"/>
      <c r="C61" s="5"/>
      <c r="D61" s="5">
        <v>2</v>
      </c>
      <c r="E61" s="5" t="s">
        <v>10</v>
      </c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V61" s="5"/>
      <c r="W61" s="5"/>
      <c r="X61" s="5"/>
      <c r="Z61" s="51" t="s">
        <v>33</v>
      </c>
      <c r="AA61" s="107"/>
      <c r="AB61" s="108"/>
      <c r="AC61" s="109"/>
      <c r="AD61" s="5"/>
      <c r="AG61" s="4" t="s">
        <v>11</v>
      </c>
      <c r="AH61" s="4" t="s">
        <v>19</v>
      </c>
      <c r="AI61" s="4" t="s">
        <v>20</v>
      </c>
    </row>
    <row r="62" spans="2:35" ht="7.5" customHeight="1" x14ac:dyDescent="0.2">
      <c r="B62" s="5"/>
      <c r="U62" s="1"/>
      <c r="Y62" s="1"/>
      <c r="Z62" s="34"/>
      <c r="AD62" s="5"/>
      <c r="AE62" s="1"/>
    </row>
    <row r="63" spans="2:35" s="4" customFormat="1" ht="16.5" customHeight="1" x14ac:dyDescent="0.2">
      <c r="B63" s="28"/>
      <c r="C63" s="5"/>
      <c r="D63" s="5">
        <v>3</v>
      </c>
      <c r="E63" s="5" t="s">
        <v>49</v>
      </c>
      <c r="F63" s="5"/>
      <c r="G63" s="5"/>
      <c r="H63" s="5"/>
      <c r="I63" s="5"/>
      <c r="J63" s="5"/>
      <c r="K63" s="5"/>
      <c r="L63" s="5"/>
      <c r="M63" s="5"/>
      <c r="N63" s="5"/>
      <c r="O63" s="5"/>
      <c r="P63" s="5"/>
      <c r="Q63" s="5"/>
      <c r="R63" s="5"/>
      <c r="S63" s="5"/>
      <c r="T63" s="5"/>
      <c r="V63" s="5"/>
      <c r="W63" s="5"/>
      <c r="X63" s="5"/>
      <c r="Z63" s="51" t="s">
        <v>43</v>
      </c>
      <c r="AA63" s="107"/>
      <c r="AB63" s="108"/>
      <c r="AC63" s="109"/>
      <c r="AD63" s="5"/>
      <c r="AG63" s="4" t="s">
        <v>44</v>
      </c>
      <c r="AH63" s="4" t="s">
        <v>45</v>
      </c>
      <c r="AI63" s="4" t="s">
        <v>46</v>
      </c>
    </row>
    <row r="64" spans="2:35" ht="7.5" customHeight="1" x14ac:dyDescent="0.2">
      <c r="B64" s="5"/>
      <c r="AD64" s="1"/>
      <c r="AE64" s="1"/>
    </row>
    <row r="65" spans="2:31" ht="16.5" customHeight="1" x14ac:dyDescent="0.2">
      <c r="D65" s="5" t="s">
        <v>52</v>
      </c>
      <c r="E65" s="5" t="s">
        <v>94</v>
      </c>
      <c r="P65" s="34"/>
      <c r="AD65" s="1"/>
      <c r="AE65" s="1"/>
    </row>
    <row r="66" spans="2:31" ht="7.5" customHeight="1" x14ac:dyDescent="0.2">
      <c r="B66" s="5"/>
      <c r="D66" s="31"/>
      <c r="E66" s="1"/>
      <c r="AD66" s="1"/>
      <c r="AE66" s="1"/>
    </row>
    <row r="67" spans="2:31" ht="16.5" customHeight="1" x14ac:dyDescent="0.2">
      <c r="D67" s="1"/>
      <c r="E67" s="1"/>
      <c r="G67" s="29" t="s">
        <v>48</v>
      </c>
      <c r="H67" s="98"/>
      <c r="I67" s="99"/>
      <c r="J67" s="99"/>
      <c r="K67" s="99"/>
      <c r="L67" s="99"/>
      <c r="M67" s="99"/>
      <c r="N67" s="99"/>
      <c r="O67" s="99"/>
      <c r="P67" s="99"/>
      <c r="Q67" s="99"/>
      <c r="R67" s="99"/>
      <c r="S67" s="99"/>
      <c r="T67" s="99"/>
      <c r="U67" s="99"/>
      <c r="V67" s="99"/>
      <c r="W67" s="99"/>
      <c r="X67" s="99"/>
      <c r="Y67" s="99"/>
      <c r="Z67" s="99"/>
      <c r="AA67" s="99"/>
      <c r="AB67" s="99"/>
      <c r="AC67" s="100"/>
      <c r="AD67" s="1"/>
      <c r="AE67" s="1"/>
    </row>
    <row r="68" spans="2:31" ht="7.5" customHeight="1" x14ac:dyDescent="0.2">
      <c r="B68" s="5"/>
      <c r="D68" s="3"/>
      <c r="E68" s="3"/>
      <c r="F68" s="7"/>
      <c r="G68" s="53"/>
      <c r="H68" s="101"/>
      <c r="I68" s="102"/>
      <c r="J68" s="102"/>
      <c r="K68" s="102"/>
      <c r="L68" s="102"/>
      <c r="M68" s="102"/>
      <c r="N68" s="102"/>
      <c r="O68" s="102"/>
      <c r="P68" s="102"/>
      <c r="Q68" s="102"/>
      <c r="R68" s="102"/>
      <c r="S68" s="102"/>
      <c r="T68" s="102"/>
      <c r="U68" s="102"/>
      <c r="V68" s="102"/>
      <c r="W68" s="102"/>
      <c r="X68" s="102"/>
      <c r="Y68" s="102"/>
      <c r="Z68" s="102"/>
      <c r="AA68" s="102"/>
      <c r="AB68" s="102"/>
      <c r="AC68" s="103"/>
      <c r="AD68" s="1"/>
      <c r="AE68" s="1"/>
    </row>
    <row r="69" spans="2:31" ht="16.5" customHeight="1" x14ac:dyDescent="0.2">
      <c r="D69" s="11"/>
      <c r="E69" s="11"/>
      <c r="F69" s="11"/>
      <c r="G69" s="11"/>
      <c r="H69" s="101"/>
      <c r="I69" s="102"/>
      <c r="J69" s="102"/>
      <c r="K69" s="102"/>
      <c r="L69" s="102"/>
      <c r="M69" s="102"/>
      <c r="N69" s="102"/>
      <c r="O69" s="102"/>
      <c r="P69" s="102"/>
      <c r="Q69" s="102"/>
      <c r="R69" s="102"/>
      <c r="S69" s="102"/>
      <c r="T69" s="102"/>
      <c r="U69" s="102"/>
      <c r="V69" s="102"/>
      <c r="W69" s="102"/>
      <c r="X69" s="102"/>
      <c r="Y69" s="102"/>
      <c r="Z69" s="102"/>
      <c r="AA69" s="102"/>
      <c r="AB69" s="102"/>
      <c r="AC69" s="103"/>
      <c r="AD69" s="1"/>
      <c r="AE69" s="1"/>
    </row>
    <row r="70" spans="2:31" ht="7.5" customHeight="1" x14ac:dyDescent="0.2">
      <c r="B70" s="5"/>
      <c r="C70" s="7"/>
      <c r="D70" s="11"/>
      <c r="E70" s="11"/>
      <c r="F70" s="11"/>
      <c r="G70" s="11"/>
      <c r="H70" s="104"/>
      <c r="I70" s="105"/>
      <c r="J70" s="105"/>
      <c r="K70" s="105"/>
      <c r="L70" s="105"/>
      <c r="M70" s="105"/>
      <c r="N70" s="105"/>
      <c r="O70" s="105"/>
      <c r="P70" s="105"/>
      <c r="Q70" s="105"/>
      <c r="R70" s="105"/>
      <c r="S70" s="105"/>
      <c r="T70" s="105"/>
      <c r="U70" s="105"/>
      <c r="V70" s="105"/>
      <c r="W70" s="105"/>
      <c r="X70" s="105"/>
      <c r="Y70" s="105"/>
      <c r="Z70" s="105"/>
      <c r="AA70" s="105"/>
      <c r="AB70" s="105"/>
      <c r="AC70" s="106"/>
      <c r="AD70" s="1"/>
      <c r="AE70" s="1"/>
    </row>
    <row r="71" spans="2:31" s="5" customFormat="1" ht="16.5" customHeight="1" x14ac:dyDescent="0.2">
      <c r="B71" s="28"/>
      <c r="C71" s="7"/>
    </row>
    <row r="72" spans="2:31" ht="7.5" customHeight="1" x14ac:dyDescent="0.2">
      <c r="B72" s="5"/>
      <c r="E72" s="7"/>
      <c r="U72" s="1"/>
      <c r="Y72" s="1"/>
      <c r="Z72" s="34"/>
      <c r="AD72" s="5"/>
      <c r="AE72" s="1"/>
    </row>
    <row r="73" spans="2:31" ht="16.5" customHeight="1" x14ac:dyDescent="0.2">
      <c r="E73" s="12"/>
      <c r="F73" s="12"/>
      <c r="G73" s="12"/>
      <c r="H73" s="7"/>
      <c r="I73" s="7"/>
      <c r="J73" s="7"/>
      <c r="K73" s="7"/>
      <c r="L73" s="7"/>
      <c r="M73" s="7"/>
      <c r="N73" s="7"/>
      <c r="O73" s="7"/>
      <c r="P73" s="7"/>
      <c r="Q73" s="7"/>
      <c r="R73" s="7"/>
      <c r="S73" s="7"/>
      <c r="T73" s="7"/>
      <c r="U73" s="7"/>
      <c r="V73" s="7"/>
      <c r="W73" s="7"/>
      <c r="X73" s="7"/>
      <c r="Y73" s="1"/>
      <c r="Z73" s="7"/>
      <c r="AA73" s="7"/>
      <c r="AD73" s="1"/>
      <c r="AE73" s="1"/>
    </row>
    <row r="74" spans="2:31" ht="16.5" customHeight="1" x14ac:dyDescent="0.2">
      <c r="D74" s="85" t="s">
        <v>119</v>
      </c>
      <c r="E74" s="95"/>
      <c r="F74" s="97" t="s">
        <v>112</v>
      </c>
      <c r="G74" s="90"/>
      <c r="H74" s="90"/>
      <c r="I74" s="90"/>
      <c r="J74" s="90"/>
      <c r="K74" s="90"/>
      <c r="L74" s="90"/>
      <c r="M74" s="90"/>
      <c r="N74" s="90"/>
      <c r="O74" s="90"/>
      <c r="P74" s="90"/>
      <c r="Q74" s="90"/>
      <c r="R74" s="90"/>
      <c r="S74" s="90"/>
      <c r="T74" s="90"/>
      <c r="U74" s="90"/>
      <c r="V74" s="90"/>
      <c r="W74" s="90"/>
      <c r="X74" s="90"/>
      <c r="Y74" s="90"/>
      <c r="Z74" s="90"/>
      <c r="AA74" s="90"/>
      <c r="AB74" s="90"/>
      <c r="AC74" s="91"/>
      <c r="AD74" s="1"/>
      <c r="AE74" s="1"/>
    </row>
    <row r="75" spans="2:31" ht="16.5" customHeight="1" x14ac:dyDescent="0.2">
      <c r="D75" s="87"/>
      <c r="E75" s="96"/>
      <c r="F75" s="92"/>
      <c r="G75" s="93"/>
      <c r="H75" s="93"/>
      <c r="I75" s="93"/>
      <c r="J75" s="93"/>
      <c r="K75" s="93"/>
      <c r="L75" s="93"/>
      <c r="M75" s="93"/>
      <c r="N75" s="93"/>
      <c r="O75" s="93"/>
      <c r="P75" s="93"/>
      <c r="Q75" s="93"/>
      <c r="R75" s="93"/>
      <c r="S75" s="93"/>
      <c r="T75" s="93"/>
      <c r="U75" s="93"/>
      <c r="V75" s="93"/>
      <c r="W75" s="93"/>
      <c r="X75" s="93"/>
      <c r="Y75" s="93"/>
      <c r="Z75" s="93"/>
      <c r="AA75" s="93"/>
      <c r="AB75" s="93"/>
      <c r="AC75" s="94"/>
      <c r="AD75" s="1"/>
      <c r="AE75" s="1"/>
    </row>
    <row r="76" spans="2:31" ht="16.5" customHeight="1" x14ac:dyDescent="0.2">
      <c r="E76" s="70"/>
      <c r="F76" s="12"/>
      <c r="G76" s="12"/>
      <c r="H76" s="7"/>
      <c r="I76" s="7"/>
      <c r="J76" s="7"/>
      <c r="K76" s="7"/>
      <c r="L76" s="7"/>
      <c r="M76" s="7"/>
      <c r="N76" s="7"/>
      <c r="O76" s="7"/>
      <c r="P76" s="7"/>
      <c r="Q76" s="7"/>
      <c r="R76" s="7"/>
      <c r="S76" s="7"/>
      <c r="T76" s="7"/>
      <c r="U76" s="7"/>
      <c r="V76" s="7"/>
      <c r="W76" s="7"/>
      <c r="X76" s="7"/>
      <c r="Y76" s="1"/>
      <c r="Z76" s="7"/>
      <c r="AA76" s="7"/>
      <c r="AD76" s="1"/>
      <c r="AE76" s="1"/>
    </row>
    <row r="77" spans="2:31" ht="13.2" x14ac:dyDescent="0.2">
      <c r="D77" s="5" t="s">
        <v>52</v>
      </c>
      <c r="E77" s="5" t="s">
        <v>133</v>
      </c>
      <c r="F77" s="7"/>
      <c r="G77" s="7"/>
      <c r="H77" s="7"/>
      <c r="I77" s="7"/>
      <c r="J77" s="7"/>
      <c r="K77" s="7"/>
      <c r="L77" s="7"/>
      <c r="M77" s="7"/>
      <c r="N77" s="7"/>
      <c r="O77" s="7"/>
      <c r="P77" s="7"/>
      <c r="Q77" s="7"/>
      <c r="R77" s="7"/>
      <c r="S77" s="7"/>
      <c r="T77" s="7"/>
      <c r="U77" s="7"/>
      <c r="V77" s="7"/>
      <c r="W77" s="7"/>
      <c r="X77" s="7"/>
      <c r="Y77" s="7"/>
      <c r="Z77" s="7"/>
      <c r="AD77" s="13"/>
      <c r="AE77" s="1"/>
    </row>
    <row r="78" spans="2:31" ht="7.5" customHeight="1" x14ac:dyDescent="0.2">
      <c r="B78" s="5"/>
      <c r="AD78" s="1"/>
      <c r="AE78" s="1"/>
    </row>
    <row r="79" spans="2:31" s="4" customFormat="1" ht="16.5" customHeight="1" x14ac:dyDescent="0.2">
      <c r="B79" s="28"/>
      <c r="C79" s="5"/>
      <c r="D79" s="5">
        <v>1</v>
      </c>
      <c r="E79" s="5" t="s">
        <v>134</v>
      </c>
      <c r="F79" s="5"/>
      <c r="G79" s="5"/>
      <c r="H79" s="5"/>
      <c r="I79" s="5"/>
      <c r="J79" s="5"/>
      <c r="K79" s="5"/>
      <c r="L79" s="5"/>
      <c r="M79" s="5"/>
      <c r="N79" s="5"/>
      <c r="O79" s="5"/>
      <c r="P79" s="5"/>
      <c r="Q79" s="5"/>
      <c r="R79" s="5"/>
      <c r="S79" s="5"/>
      <c r="T79" s="5"/>
      <c r="U79" s="5"/>
      <c r="V79" s="5"/>
      <c r="W79" s="51" t="s">
        <v>136</v>
      </c>
      <c r="X79" s="107"/>
      <c r="Y79" s="108"/>
      <c r="Z79" s="108"/>
      <c r="AA79" s="108"/>
      <c r="AB79" s="108"/>
      <c r="AC79" s="109"/>
    </row>
    <row r="80" spans="2:31" ht="7.5" customHeight="1" x14ac:dyDescent="0.2">
      <c r="B80" s="5"/>
      <c r="Z80" s="34"/>
      <c r="AD80" s="1"/>
      <c r="AE80" s="1"/>
    </row>
    <row r="81" spans="2:35" s="4" customFormat="1" ht="16.5" customHeight="1" x14ac:dyDescent="0.2">
      <c r="B81" s="28"/>
      <c r="C81" s="5"/>
      <c r="D81" s="5">
        <v>2</v>
      </c>
      <c r="E81" s="5" t="s">
        <v>135</v>
      </c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  <c r="U81" s="5"/>
      <c r="V81" s="5"/>
      <c r="W81" s="51" t="s">
        <v>136</v>
      </c>
      <c r="X81" s="107"/>
      <c r="Y81" s="108"/>
      <c r="Z81" s="108"/>
      <c r="AA81" s="108"/>
      <c r="AB81" s="108"/>
      <c r="AC81" s="109"/>
    </row>
    <row r="82" spans="2:35" ht="7.5" customHeight="1" x14ac:dyDescent="0.2">
      <c r="B82" s="5"/>
      <c r="AD82" s="1"/>
      <c r="AE82" s="1"/>
    </row>
    <row r="83" spans="2:35" ht="13.2" x14ac:dyDescent="0.2">
      <c r="D83" s="5" t="s">
        <v>55</v>
      </c>
      <c r="E83" s="5" t="s">
        <v>67</v>
      </c>
      <c r="F83" s="7"/>
      <c r="G83" s="7"/>
      <c r="H83" s="7"/>
      <c r="I83" s="7"/>
      <c r="J83" s="7"/>
      <c r="K83" s="7"/>
      <c r="L83" s="7"/>
      <c r="M83" s="7"/>
      <c r="N83" s="7"/>
      <c r="O83" s="7"/>
      <c r="P83" s="7"/>
      <c r="Q83" s="7"/>
      <c r="R83" s="7"/>
      <c r="S83" s="7"/>
      <c r="T83" s="7"/>
      <c r="U83" s="7"/>
      <c r="V83" s="7"/>
      <c r="W83" s="7"/>
      <c r="X83" s="7"/>
      <c r="Y83" s="7"/>
      <c r="Z83" s="7"/>
      <c r="AD83" s="13"/>
      <c r="AE83" s="1"/>
    </row>
    <row r="84" spans="2:35" ht="7.5" customHeight="1" x14ac:dyDescent="0.2">
      <c r="B84" s="5"/>
      <c r="AD84" s="1"/>
      <c r="AE84" s="1"/>
    </row>
    <row r="85" spans="2:35" s="4" customFormat="1" ht="16.5" customHeight="1" x14ac:dyDescent="0.2">
      <c r="B85" s="28"/>
      <c r="C85" s="5"/>
      <c r="D85" s="5">
        <v>1</v>
      </c>
      <c r="E85" s="5" t="s">
        <v>68</v>
      </c>
      <c r="F85" s="5"/>
      <c r="G85" s="5"/>
      <c r="H85" s="5"/>
      <c r="I85" s="5"/>
      <c r="J85" s="5"/>
      <c r="K85" s="5"/>
      <c r="L85" s="5"/>
      <c r="M85" s="5"/>
      <c r="N85" s="5"/>
      <c r="O85" s="5"/>
      <c r="P85" s="5"/>
      <c r="Q85" s="5"/>
      <c r="R85" s="5"/>
      <c r="S85" s="5"/>
      <c r="T85" s="5"/>
      <c r="U85" s="5"/>
      <c r="V85" s="5"/>
      <c r="W85" s="5"/>
      <c r="X85" s="5"/>
      <c r="Y85" s="5"/>
      <c r="Z85" s="51" t="s">
        <v>129</v>
      </c>
      <c r="AA85" s="107"/>
      <c r="AB85" s="108"/>
      <c r="AC85" s="109"/>
      <c r="AG85" s="4" t="s">
        <v>71</v>
      </c>
      <c r="AH85" s="4" t="s">
        <v>128</v>
      </c>
      <c r="AI85" s="4" t="s">
        <v>73</v>
      </c>
    </row>
    <row r="86" spans="2:35" ht="7.5" customHeight="1" x14ac:dyDescent="0.2">
      <c r="B86" s="5"/>
      <c r="Z86" s="34"/>
      <c r="AD86" s="1"/>
      <c r="AE86" s="1"/>
    </row>
    <row r="87" spans="2:35" s="4" customFormat="1" ht="16.5" customHeight="1" x14ac:dyDescent="0.2">
      <c r="B87" s="28"/>
      <c r="C87" s="5"/>
      <c r="D87" s="5">
        <v>2</v>
      </c>
      <c r="E87" s="5" t="s">
        <v>69</v>
      </c>
      <c r="F87" s="5"/>
      <c r="G87" s="5"/>
      <c r="H87" s="5"/>
      <c r="I87" s="5"/>
      <c r="J87" s="5"/>
      <c r="K87" s="5"/>
      <c r="L87" s="5"/>
      <c r="M87" s="5"/>
      <c r="N87" s="5"/>
      <c r="O87" s="5"/>
      <c r="P87" s="5"/>
      <c r="Q87" s="5"/>
      <c r="R87" s="5"/>
      <c r="S87" s="5"/>
      <c r="T87" s="5"/>
      <c r="U87" s="5"/>
      <c r="V87" s="5"/>
      <c r="W87" s="5"/>
      <c r="X87" s="5"/>
      <c r="Y87" s="5"/>
      <c r="Z87" s="51" t="s">
        <v>129</v>
      </c>
      <c r="AA87" s="107"/>
      <c r="AB87" s="108"/>
      <c r="AC87" s="109"/>
      <c r="AG87" s="4" t="s">
        <v>71</v>
      </c>
      <c r="AH87" s="4" t="s">
        <v>128</v>
      </c>
      <c r="AI87" s="4" t="s">
        <v>73</v>
      </c>
    </row>
    <row r="88" spans="2:35" ht="7.5" customHeight="1" x14ac:dyDescent="0.2">
      <c r="B88" s="5"/>
      <c r="AD88" s="1"/>
      <c r="AE88" s="1"/>
    </row>
    <row r="89" spans="2:35" s="5" customFormat="1" ht="16.5" customHeight="1" x14ac:dyDescent="0.2">
      <c r="B89" s="28"/>
      <c r="D89" s="5">
        <v>3</v>
      </c>
      <c r="E89" s="5" t="s">
        <v>70</v>
      </c>
      <c r="Z89" s="51" t="s">
        <v>82</v>
      </c>
      <c r="AA89" s="107"/>
      <c r="AB89" s="108"/>
      <c r="AC89" s="109"/>
      <c r="AG89" s="4" t="s">
        <v>38</v>
      </c>
      <c r="AH89" s="4" t="s">
        <v>37</v>
      </c>
      <c r="AI89" s="4" t="s">
        <v>36</v>
      </c>
    </row>
    <row r="90" spans="2:35" ht="7.5" customHeight="1" x14ac:dyDescent="0.2">
      <c r="B90" s="5"/>
      <c r="AD90" s="1"/>
      <c r="AE90" s="1"/>
    </row>
    <row r="91" spans="2:35" ht="16.5" customHeight="1" x14ac:dyDescent="0.2">
      <c r="D91" s="1"/>
      <c r="E91" s="58" t="s">
        <v>100</v>
      </c>
      <c r="F91" s="12"/>
      <c r="G91" s="1"/>
      <c r="H91" s="7"/>
      <c r="I91" s="7"/>
      <c r="J91" s="7"/>
      <c r="K91" s="7"/>
      <c r="L91" s="7"/>
      <c r="M91" s="7"/>
      <c r="N91" s="7"/>
      <c r="O91" s="7"/>
      <c r="P91" s="7"/>
      <c r="Q91" s="7"/>
      <c r="R91" s="7"/>
      <c r="S91" s="7"/>
      <c r="T91" s="7"/>
      <c r="U91" s="7"/>
      <c r="V91" s="7"/>
      <c r="W91" s="7"/>
      <c r="X91" s="7"/>
      <c r="Y91" s="1"/>
      <c r="Z91" s="7"/>
      <c r="AA91" s="7"/>
      <c r="AD91" s="1"/>
      <c r="AE91" s="1"/>
    </row>
    <row r="92" spans="2:35" ht="16.5" customHeight="1" x14ac:dyDescent="0.2">
      <c r="E92" s="22" t="s">
        <v>101</v>
      </c>
      <c r="F92" s="12"/>
      <c r="G92" s="1"/>
      <c r="H92" s="7"/>
      <c r="I92" s="7"/>
      <c r="J92" s="7"/>
      <c r="K92" s="7"/>
      <c r="L92" s="7"/>
      <c r="M92" s="7"/>
      <c r="N92" s="7"/>
      <c r="O92" s="7"/>
      <c r="P92" s="7"/>
      <c r="Q92" s="7"/>
      <c r="R92" s="7"/>
      <c r="S92" s="7"/>
      <c r="T92" s="7"/>
      <c r="U92" s="7"/>
      <c r="V92" s="7"/>
      <c r="W92" s="7"/>
      <c r="X92" s="7"/>
      <c r="Y92" s="1"/>
      <c r="Z92" s="7"/>
      <c r="AA92" s="7"/>
      <c r="AD92" s="1"/>
      <c r="AE92" s="1"/>
    </row>
    <row r="93" spans="2:35" ht="7.5" customHeight="1" x14ac:dyDescent="0.2">
      <c r="B93" s="5"/>
      <c r="AD93" s="1"/>
      <c r="AE93" s="1"/>
    </row>
    <row r="94" spans="2:35" ht="16.5" customHeight="1" x14ac:dyDescent="0.2">
      <c r="D94" s="5" t="s">
        <v>52</v>
      </c>
      <c r="E94" s="5" t="s">
        <v>94</v>
      </c>
      <c r="P94" s="34"/>
      <c r="AD94" s="1"/>
      <c r="AE94" s="1"/>
    </row>
    <row r="95" spans="2:35" ht="7.5" customHeight="1" x14ac:dyDescent="0.2">
      <c r="B95" s="5"/>
      <c r="D95" s="31"/>
      <c r="E95" s="1"/>
      <c r="AD95" s="1"/>
      <c r="AE95" s="1"/>
    </row>
    <row r="96" spans="2:35" ht="16.5" customHeight="1" x14ac:dyDescent="0.2">
      <c r="D96" s="1"/>
      <c r="E96" s="1"/>
      <c r="G96" s="29" t="s">
        <v>48</v>
      </c>
      <c r="H96" s="98"/>
      <c r="I96" s="99"/>
      <c r="J96" s="99"/>
      <c r="K96" s="99"/>
      <c r="L96" s="99"/>
      <c r="M96" s="99"/>
      <c r="N96" s="99"/>
      <c r="O96" s="99"/>
      <c r="P96" s="99"/>
      <c r="Q96" s="99"/>
      <c r="R96" s="99"/>
      <c r="S96" s="99"/>
      <c r="T96" s="99"/>
      <c r="U96" s="99"/>
      <c r="V96" s="99"/>
      <c r="W96" s="99"/>
      <c r="X96" s="99"/>
      <c r="Y96" s="99"/>
      <c r="Z96" s="99"/>
      <c r="AA96" s="99"/>
      <c r="AB96" s="99"/>
      <c r="AC96" s="100"/>
      <c r="AD96" s="1"/>
      <c r="AE96" s="1"/>
    </row>
    <row r="97" spans="2:36" ht="7.5" customHeight="1" x14ac:dyDescent="0.2">
      <c r="B97" s="5"/>
      <c r="D97" s="3"/>
      <c r="E97" s="3"/>
      <c r="F97" s="7"/>
      <c r="G97" s="53"/>
      <c r="H97" s="101"/>
      <c r="I97" s="102"/>
      <c r="J97" s="102"/>
      <c r="K97" s="102"/>
      <c r="L97" s="102"/>
      <c r="M97" s="102"/>
      <c r="N97" s="102"/>
      <c r="O97" s="102"/>
      <c r="P97" s="102"/>
      <c r="Q97" s="102"/>
      <c r="R97" s="102"/>
      <c r="S97" s="102"/>
      <c r="T97" s="102"/>
      <c r="U97" s="102"/>
      <c r="V97" s="102"/>
      <c r="W97" s="102"/>
      <c r="X97" s="102"/>
      <c r="Y97" s="102"/>
      <c r="Z97" s="102"/>
      <c r="AA97" s="102"/>
      <c r="AB97" s="102"/>
      <c r="AC97" s="103"/>
      <c r="AD97" s="1"/>
      <c r="AE97" s="1"/>
    </row>
    <row r="98" spans="2:36" ht="16.5" customHeight="1" x14ac:dyDescent="0.2">
      <c r="D98" s="11"/>
      <c r="E98" s="11"/>
      <c r="F98" s="11"/>
      <c r="G98" s="11"/>
      <c r="H98" s="101"/>
      <c r="I98" s="102"/>
      <c r="J98" s="102"/>
      <c r="K98" s="102"/>
      <c r="L98" s="102"/>
      <c r="M98" s="102"/>
      <c r="N98" s="102"/>
      <c r="O98" s="102"/>
      <c r="P98" s="102"/>
      <c r="Q98" s="102"/>
      <c r="R98" s="102"/>
      <c r="S98" s="102"/>
      <c r="T98" s="102"/>
      <c r="U98" s="102"/>
      <c r="V98" s="102"/>
      <c r="W98" s="102"/>
      <c r="X98" s="102"/>
      <c r="Y98" s="102"/>
      <c r="Z98" s="102"/>
      <c r="AA98" s="102"/>
      <c r="AB98" s="102"/>
      <c r="AC98" s="103"/>
      <c r="AD98" s="1"/>
      <c r="AE98" s="1"/>
    </row>
    <row r="99" spans="2:36" ht="7.5" customHeight="1" x14ac:dyDescent="0.2">
      <c r="B99" s="5"/>
      <c r="C99" s="7"/>
      <c r="D99" s="11"/>
      <c r="E99" s="11"/>
      <c r="F99" s="11"/>
      <c r="G99" s="11"/>
      <c r="H99" s="104"/>
      <c r="I99" s="105"/>
      <c r="J99" s="105"/>
      <c r="K99" s="105"/>
      <c r="L99" s="105"/>
      <c r="M99" s="105"/>
      <c r="N99" s="105"/>
      <c r="O99" s="105"/>
      <c r="P99" s="105"/>
      <c r="Q99" s="105"/>
      <c r="R99" s="105"/>
      <c r="S99" s="105"/>
      <c r="T99" s="105"/>
      <c r="U99" s="105"/>
      <c r="V99" s="105"/>
      <c r="W99" s="105"/>
      <c r="X99" s="105"/>
      <c r="Y99" s="105"/>
      <c r="Z99" s="105"/>
      <c r="AA99" s="105"/>
      <c r="AB99" s="105"/>
      <c r="AC99" s="106"/>
      <c r="AD99" s="1"/>
      <c r="AE99" s="1"/>
    </row>
    <row r="100" spans="2:36" s="5" customFormat="1" ht="16.5" customHeight="1" x14ac:dyDescent="0.2">
      <c r="B100" s="28"/>
    </row>
    <row r="101" spans="2:36" ht="7.5" customHeight="1" x14ac:dyDescent="0.2">
      <c r="B101" s="5"/>
      <c r="D101" s="31"/>
      <c r="E101" s="1"/>
      <c r="AD101" s="1"/>
      <c r="AE101" s="1"/>
    </row>
    <row r="102" spans="2:36" ht="16.5" customHeight="1" x14ac:dyDescent="0.2">
      <c r="B102" s="5"/>
      <c r="D102" s="85" t="s">
        <v>120</v>
      </c>
      <c r="E102" s="95"/>
      <c r="F102" s="123" t="s">
        <v>77</v>
      </c>
      <c r="G102" s="123"/>
      <c r="H102" s="123"/>
      <c r="I102" s="123"/>
      <c r="J102" s="123"/>
      <c r="K102" s="123"/>
      <c r="L102" s="123"/>
      <c r="M102" s="123"/>
      <c r="N102" s="123"/>
      <c r="O102" s="123"/>
      <c r="P102" s="123"/>
      <c r="Q102" s="123"/>
      <c r="R102" s="123"/>
      <c r="S102" s="123"/>
      <c r="T102" s="123"/>
      <c r="U102" s="123"/>
      <c r="V102" s="123"/>
      <c r="W102" s="123"/>
      <c r="X102" s="123"/>
      <c r="Y102" s="123"/>
      <c r="Z102" s="123"/>
      <c r="AA102" s="123"/>
      <c r="AB102" s="123"/>
      <c r="AC102" s="123"/>
      <c r="AD102" s="1"/>
      <c r="AE102" s="1"/>
    </row>
    <row r="103" spans="2:36" ht="16.5" customHeight="1" x14ac:dyDescent="0.2">
      <c r="B103" s="5"/>
      <c r="D103" s="87"/>
      <c r="E103" s="96"/>
      <c r="F103" s="123"/>
      <c r="G103" s="123"/>
      <c r="H103" s="123"/>
      <c r="I103" s="123"/>
      <c r="J103" s="123"/>
      <c r="K103" s="123"/>
      <c r="L103" s="123"/>
      <c r="M103" s="123"/>
      <c r="N103" s="123"/>
      <c r="O103" s="123"/>
      <c r="P103" s="123"/>
      <c r="Q103" s="123"/>
      <c r="R103" s="123"/>
      <c r="S103" s="123"/>
      <c r="T103" s="123"/>
      <c r="U103" s="123"/>
      <c r="V103" s="123"/>
      <c r="W103" s="123"/>
      <c r="X103" s="123"/>
      <c r="Y103" s="123"/>
      <c r="Z103" s="123"/>
      <c r="AA103" s="123"/>
      <c r="AB103" s="123"/>
      <c r="AC103" s="123"/>
      <c r="AD103" s="1"/>
      <c r="AE103" s="1"/>
    </row>
    <row r="104" spans="2:36" ht="13.2" x14ac:dyDescent="0.2">
      <c r="D104" s="15"/>
      <c r="E104" s="7"/>
      <c r="F104" s="7"/>
      <c r="G104" s="7"/>
      <c r="H104" s="7"/>
      <c r="I104" s="7"/>
      <c r="J104" s="7"/>
      <c r="K104" s="7"/>
      <c r="L104" s="7"/>
      <c r="M104" s="7"/>
      <c r="N104" s="7"/>
      <c r="O104" s="7"/>
      <c r="P104" s="7"/>
      <c r="Q104" s="7"/>
      <c r="R104" s="7"/>
      <c r="S104" s="7"/>
      <c r="T104" s="7"/>
      <c r="U104" s="7"/>
      <c r="V104" s="7"/>
      <c r="W104" s="7"/>
      <c r="X104" s="7"/>
      <c r="Y104" s="7"/>
      <c r="Z104" s="7"/>
      <c r="AD104" s="13"/>
      <c r="AE104" s="1"/>
    </row>
    <row r="105" spans="2:36" ht="16.5" customHeight="1" x14ac:dyDescent="0.2">
      <c r="D105" s="5" t="s">
        <v>51</v>
      </c>
      <c r="E105" s="5" t="s">
        <v>50</v>
      </c>
      <c r="P105" s="29"/>
      <c r="U105" s="1"/>
      <c r="V105" s="1"/>
      <c r="W105" s="1"/>
      <c r="X105" s="51" t="s">
        <v>89</v>
      </c>
      <c r="Y105" s="107"/>
      <c r="Z105" s="108"/>
      <c r="AA105" s="108"/>
      <c r="AB105" s="109"/>
      <c r="AC105" s="5" t="s">
        <v>47</v>
      </c>
      <c r="AD105" s="4"/>
      <c r="AE105" s="4"/>
      <c r="AF105" s="4"/>
      <c r="AG105" s="4"/>
      <c r="AH105" s="4"/>
      <c r="AI105" s="4"/>
      <c r="AJ105" s="4"/>
    </row>
    <row r="106" spans="2:36" ht="7.5" customHeight="1" x14ac:dyDescent="0.2">
      <c r="B106" s="5"/>
      <c r="U106" s="1"/>
      <c r="W106" s="1"/>
      <c r="X106" s="34"/>
      <c r="AD106" s="1"/>
      <c r="AE106" s="1"/>
    </row>
    <row r="107" spans="2:36" s="4" customFormat="1" ht="16.5" customHeight="1" x14ac:dyDescent="0.2">
      <c r="B107" s="28"/>
      <c r="C107" s="5"/>
      <c r="D107" s="5" t="s">
        <v>51</v>
      </c>
      <c r="E107" s="5" t="s">
        <v>57</v>
      </c>
      <c r="F107" s="5"/>
      <c r="G107" s="5"/>
      <c r="H107" s="5"/>
      <c r="I107" s="5"/>
      <c r="J107" s="5"/>
      <c r="K107" s="5"/>
      <c r="L107" s="5"/>
      <c r="M107" s="5"/>
      <c r="N107" s="5"/>
      <c r="O107" s="5"/>
      <c r="P107" s="5"/>
      <c r="Q107" s="5"/>
      <c r="R107" s="5"/>
      <c r="S107" s="5"/>
      <c r="T107" s="5"/>
      <c r="V107" s="51" t="s">
        <v>48</v>
      </c>
      <c r="W107" s="112"/>
      <c r="X107" s="112"/>
      <c r="Y107" s="112"/>
      <c r="Z107" s="112"/>
      <c r="AA107" s="112"/>
      <c r="AB107" s="112"/>
      <c r="AC107" s="112"/>
    </row>
    <row r="108" spans="2:36" ht="7.5" customHeight="1" x14ac:dyDescent="0.2">
      <c r="B108" s="5"/>
      <c r="U108" s="1"/>
      <c r="W108" s="1"/>
      <c r="X108" s="34"/>
      <c r="AD108" s="1"/>
      <c r="AE108" s="1"/>
    </row>
    <row r="109" spans="2:36" s="4" customFormat="1" ht="16.5" customHeight="1" x14ac:dyDescent="0.2">
      <c r="B109" s="28"/>
      <c r="C109" s="5"/>
      <c r="D109" s="5" t="s">
        <v>51</v>
      </c>
      <c r="E109" s="5" t="s">
        <v>85</v>
      </c>
      <c r="F109" s="5"/>
      <c r="G109" s="5"/>
      <c r="H109" s="5"/>
      <c r="I109" s="5"/>
      <c r="J109" s="5"/>
      <c r="K109" s="5"/>
      <c r="L109" s="5"/>
      <c r="M109" s="5"/>
      <c r="N109" s="5"/>
      <c r="O109" s="5"/>
      <c r="P109" s="5"/>
      <c r="Q109" s="5"/>
      <c r="R109" s="5"/>
      <c r="S109" s="5"/>
      <c r="T109" s="55"/>
      <c r="U109" s="56"/>
      <c r="V109" s="57"/>
      <c r="W109" s="57"/>
      <c r="X109" s="51" t="s">
        <v>89</v>
      </c>
      <c r="Y109" s="107"/>
      <c r="Z109" s="108"/>
      <c r="AA109" s="108"/>
      <c r="AB109" s="109"/>
      <c r="AC109" s="52" t="s">
        <v>86</v>
      </c>
    </row>
    <row r="110" spans="2:36" ht="7.5" customHeight="1" x14ac:dyDescent="0.2">
      <c r="B110" s="5"/>
      <c r="U110" s="1"/>
      <c r="W110" s="34"/>
      <c r="AD110" s="1"/>
      <c r="AE110" s="1"/>
    </row>
    <row r="111" spans="2:36" ht="16.5" customHeight="1" x14ac:dyDescent="0.2">
      <c r="D111" s="5" t="s">
        <v>51</v>
      </c>
      <c r="E111" s="5" t="s">
        <v>132</v>
      </c>
      <c r="U111" s="1"/>
      <c r="Y111" s="1"/>
      <c r="Z111" s="51"/>
      <c r="AA111" s="1"/>
      <c r="AB111" s="1"/>
      <c r="AC111" s="1"/>
      <c r="AE111" s="1"/>
    </row>
    <row r="112" spans="2:36" ht="7.5" customHeight="1" x14ac:dyDescent="0.2">
      <c r="B112" s="5"/>
      <c r="U112" s="1"/>
      <c r="AD112" s="1"/>
      <c r="AE112" s="1"/>
    </row>
    <row r="113" spans="2:38" ht="16.5" customHeight="1" x14ac:dyDescent="0.2">
      <c r="U113" s="1"/>
      <c r="Y113" s="1"/>
      <c r="Z113" s="51" t="s">
        <v>95</v>
      </c>
      <c r="AA113" s="107"/>
      <c r="AB113" s="108"/>
      <c r="AC113" s="109"/>
      <c r="AE113" s="1"/>
      <c r="AG113" s="1" t="s">
        <v>97</v>
      </c>
      <c r="AH113" s="1" t="s">
        <v>98</v>
      </c>
    </row>
    <row r="114" spans="2:38" ht="7.5" customHeight="1" x14ac:dyDescent="0.2">
      <c r="B114" s="5"/>
      <c r="U114" s="1"/>
      <c r="AD114" s="1"/>
      <c r="AE114" s="1"/>
    </row>
    <row r="115" spans="2:38" ht="16.5" customHeight="1" x14ac:dyDescent="0.2">
      <c r="D115" s="5" t="s">
        <v>51</v>
      </c>
      <c r="E115" s="5" t="s">
        <v>99</v>
      </c>
      <c r="S115" s="1"/>
      <c r="T115" s="1"/>
      <c r="U115" s="1"/>
      <c r="V115" s="1"/>
      <c r="W115" s="1"/>
      <c r="X115" s="1"/>
      <c r="Y115" s="1"/>
      <c r="Z115" s="1"/>
      <c r="AA115" s="1"/>
      <c r="AB115" s="1"/>
      <c r="AC115" s="1"/>
      <c r="AE115" s="1"/>
    </row>
    <row r="116" spans="2:38" ht="7.5" customHeight="1" x14ac:dyDescent="0.2">
      <c r="B116" s="5"/>
      <c r="U116" s="1"/>
      <c r="AD116" s="1"/>
      <c r="AE116" s="1"/>
    </row>
    <row r="117" spans="2:38" ht="16.5" customHeight="1" x14ac:dyDescent="0.2">
      <c r="U117" s="1"/>
      <c r="Y117" s="1"/>
      <c r="Z117" s="51" t="s">
        <v>58</v>
      </c>
      <c r="AA117" s="107"/>
      <c r="AB117" s="108"/>
      <c r="AC117" s="109"/>
      <c r="AE117" s="1"/>
      <c r="AG117" s="1" t="s">
        <v>78</v>
      </c>
      <c r="AH117" s="1" t="s">
        <v>80</v>
      </c>
      <c r="AI117" s="1" t="s">
        <v>81</v>
      </c>
    </row>
    <row r="118" spans="2:38" ht="7.5" customHeight="1" x14ac:dyDescent="0.2">
      <c r="B118" s="5"/>
      <c r="U118" s="1"/>
      <c r="AD118" s="1"/>
      <c r="AE118" s="1"/>
    </row>
    <row r="119" spans="2:38" s="4" customFormat="1" ht="16.5" hidden="1" customHeight="1" x14ac:dyDescent="0.2">
      <c r="B119" s="68" t="s">
        <v>109</v>
      </c>
      <c r="C119" s="64"/>
      <c r="D119" s="64" t="s">
        <v>51</v>
      </c>
      <c r="E119" s="64" t="s">
        <v>59</v>
      </c>
      <c r="F119" s="64"/>
      <c r="G119" s="64"/>
      <c r="H119" s="64"/>
      <c r="I119" s="64"/>
      <c r="J119" s="64"/>
      <c r="K119" s="64"/>
      <c r="L119" s="64"/>
      <c r="M119" s="64"/>
      <c r="N119" s="64"/>
      <c r="O119" s="64"/>
      <c r="P119" s="64"/>
      <c r="Q119" s="64"/>
      <c r="R119" s="64"/>
      <c r="S119" s="64"/>
      <c r="T119" s="64"/>
      <c r="U119" s="65"/>
      <c r="V119" s="64"/>
      <c r="W119" s="66"/>
      <c r="X119" s="64"/>
      <c r="Y119" s="65"/>
      <c r="Z119" s="67" t="s">
        <v>88</v>
      </c>
      <c r="AA119" s="113"/>
      <c r="AB119" s="114"/>
      <c r="AC119" s="115"/>
      <c r="AD119" s="65"/>
      <c r="AE119" s="65"/>
      <c r="AF119" s="65"/>
      <c r="AG119" s="65" t="s">
        <v>87</v>
      </c>
      <c r="AH119" s="65" t="s">
        <v>83</v>
      </c>
      <c r="AI119" s="65"/>
      <c r="AJ119" s="64"/>
      <c r="AK119" s="65"/>
      <c r="AL119" s="65"/>
    </row>
    <row r="120" spans="2:38" ht="16.5" hidden="1" customHeight="1" x14ac:dyDescent="0.2">
      <c r="E120" s="12"/>
      <c r="F120" s="12"/>
      <c r="G120" s="12"/>
      <c r="H120" s="7"/>
      <c r="I120" s="7"/>
      <c r="J120" s="7"/>
      <c r="K120" s="7"/>
      <c r="L120" s="7"/>
      <c r="M120" s="7"/>
      <c r="N120" s="7"/>
      <c r="O120" s="7"/>
      <c r="P120" s="7"/>
      <c r="Q120" s="7"/>
      <c r="R120" s="7"/>
      <c r="S120" s="7"/>
      <c r="T120" s="7"/>
      <c r="U120" s="7"/>
      <c r="V120" s="7"/>
      <c r="W120" s="7"/>
      <c r="X120" s="7"/>
      <c r="Y120" s="1"/>
      <c r="Z120" s="7"/>
      <c r="AA120" s="7"/>
      <c r="AD120" s="1"/>
      <c r="AE120" s="1"/>
      <c r="AK120" s="3"/>
    </row>
    <row r="121" spans="2:38" ht="7.5" customHeight="1" x14ac:dyDescent="0.2">
      <c r="B121" s="5"/>
      <c r="U121" s="1"/>
      <c r="Y121" s="1"/>
      <c r="Z121" s="34"/>
      <c r="AD121" s="5"/>
      <c r="AE121" s="1"/>
    </row>
    <row r="122" spans="2:38" ht="16.5" customHeight="1" x14ac:dyDescent="0.2">
      <c r="B122" s="5"/>
      <c r="D122" s="85" t="s">
        <v>121</v>
      </c>
      <c r="E122" s="86"/>
      <c r="F122" s="97" t="s">
        <v>90</v>
      </c>
      <c r="G122" s="90"/>
      <c r="H122" s="90"/>
      <c r="I122" s="90"/>
      <c r="J122" s="90"/>
      <c r="K122" s="90"/>
      <c r="L122" s="90"/>
      <c r="M122" s="90"/>
      <c r="N122" s="90"/>
      <c r="O122" s="90"/>
      <c r="P122" s="90"/>
      <c r="Q122" s="90"/>
      <c r="R122" s="90"/>
      <c r="S122" s="90"/>
      <c r="T122" s="90"/>
      <c r="U122" s="90"/>
      <c r="V122" s="90"/>
      <c r="W122" s="90"/>
      <c r="X122" s="90"/>
      <c r="Y122" s="90"/>
      <c r="Z122" s="90"/>
      <c r="AA122" s="90"/>
      <c r="AB122" s="90"/>
      <c r="AC122" s="91"/>
      <c r="AD122" s="1"/>
      <c r="AE122" s="1"/>
    </row>
    <row r="123" spans="2:38" ht="16.5" customHeight="1" x14ac:dyDescent="0.2">
      <c r="B123" s="5"/>
      <c r="D123" s="87"/>
      <c r="E123" s="88"/>
      <c r="F123" s="92"/>
      <c r="G123" s="93"/>
      <c r="H123" s="93"/>
      <c r="I123" s="93"/>
      <c r="J123" s="93"/>
      <c r="K123" s="93"/>
      <c r="L123" s="93"/>
      <c r="M123" s="93"/>
      <c r="N123" s="93"/>
      <c r="O123" s="93"/>
      <c r="P123" s="93"/>
      <c r="Q123" s="93"/>
      <c r="R123" s="93"/>
      <c r="S123" s="93"/>
      <c r="T123" s="93"/>
      <c r="U123" s="93"/>
      <c r="V123" s="93"/>
      <c r="W123" s="93"/>
      <c r="X123" s="93"/>
      <c r="Y123" s="93"/>
      <c r="Z123" s="93"/>
      <c r="AA123" s="93"/>
      <c r="AB123" s="93"/>
      <c r="AC123" s="94"/>
      <c r="AD123" s="1"/>
      <c r="AE123" s="1"/>
    </row>
    <row r="124" spans="2:38" ht="13.2" x14ac:dyDescent="0.2">
      <c r="D124" s="15"/>
      <c r="E124" s="7"/>
      <c r="F124" s="7"/>
      <c r="G124" s="7"/>
      <c r="H124" s="7"/>
      <c r="I124" s="7"/>
      <c r="J124" s="7"/>
      <c r="K124" s="7"/>
      <c r="L124" s="7"/>
      <c r="M124" s="7"/>
      <c r="N124" s="7"/>
      <c r="O124" s="7"/>
      <c r="P124" s="7"/>
      <c r="Q124" s="7"/>
      <c r="R124" s="7"/>
      <c r="S124" s="7"/>
      <c r="T124" s="7"/>
      <c r="U124" s="7"/>
      <c r="V124" s="7"/>
      <c r="W124" s="7"/>
      <c r="X124" s="7"/>
      <c r="Y124" s="7"/>
      <c r="Z124" s="7"/>
      <c r="AD124" s="13"/>
      <c r="AE124" s="1"/>
    </row>
    <row r="125" spans="2:38" s="5" customFormat="1" ht="16.5" customHeight="1" x14ac:dyDescent="0.2">
      <c r="D125" s="1"/>
      <c r="E125" s="1"/>
      <c r="G125" s="29" t="s">
        <v>48</v>
      </c>
      <c r="H125" s="98"/>
      <c r="I125" s="99"/>
      <c r="J125" s="99"/>
      <c r="K125" s="99"/>
      <c r="L125" s="99"/>
      <c r="M125" s="99"/>
      <c r="N125" s="99"/>
      <c r="O125" s="99"/>
      <c r="P125" s="99"/>
      <c r="Q125" s="99"/>
      <c r="R125" s="99"/>
      <c r="S125" s="99"/>
      <c r="T125" s="99"/>
      <c r="U125" s="99"/>
      <c r="V125" s="99"/>
      <c r="W125" s="99"/>
      <c r="X125" s="99"/>
      <c r="Y125" s="99"/>
      <c r="Z125" s="99"/>
      <c r="AA125" s="99"/>
      <c r="AB125" s="99"/>
      <c r="AC125" s="100"/>
    </row>
    <row r="126" spans="2:38" s="5" customFormat="1" ht="16.5" customHeight="1" x14ac:dyDescent="0.2">
      <c r="D126" s="3"/>
      <c r="E126" s="3"/>
      <c r="F126" s="7"/>
      <c r="G126" s="53"/>
      <c r="H126" s="101"/>
      <c r="I126" s="102"/>
      <c r="J126" s="102"/>
      <c r="K126" s="102"/>
      <c r="L126" s="102"/>
      <c r="M126" s="102"/>
      <c r="N126" s="102"/>
      <c r="O126" s="102"/>
      <c r="P126" s="102"/>
      <c r="Q126" s="102"/>
      <c r="R126" s="102"/>
      <c r="S126" s="102"/>
      <c r="T126" s="102"/>
      <c r="U126" s="102"/>
      <c r="V126" s="102"/>
      <c r="W126" s="102"/>
      <c r="X126" s="102"/>
      <c r="Y126" s="102"/>
      <c r="Z126" s="102"/>
      <c r="AA126" s="102"/>
      <c r="AB126" s="102"/>
      <c r="AC126" s="103"/>
    </row>
    <row r="127" spans="2:38" s="5" customFormat="1" ht="16.5" customHeight="1" x14ac:dyDescent="0.2">
      <c r="D127" s="11"/>
      <c r="E127" s="11"/>
      <c r="F127" s="11"/>
      <c r="G127" s="11"/>
      <c r="H127" s="101"/>
      <c r="I127" s="102"/>
      <c r="J127" s="102"/>
      <c r="K127" s="102"/>
      <c r="L127" s="102"/>
      <c r="M127" s="102"/>
      <c r="N127" s="102"/>
      <c r="O127" s="102"/>
      <c r="P127" s="102"/>
      <c r="Q127" s="102"/>
      <c r="R127" s="102"/>
      <c r="S127" s="102"/>
      <c r="T127" s="102"/>
      <c r="U127" s="102"/>
      <c r="V127" s="102"/>
      <c r="W127" s="102"/>
      <c r="X127" s="102"/>
      <c r="Y127" s="102"/>
      <c r="Z127" s="102"/>
      <c r="AA127" s="102"/>
      <c r="AB127" s="102"/>
      <c r="AC127" s="103"/>
    </row>
    <row r="128" spans="2:38" s="5" customFormat="1" ht="16.5" customHeight="1" x14ac:dyDescent="0.2">
      <c r="D128" s="11"/>
      <c r="E128" s="11"/>
      <c r="F128" s="11"/>
      <c r="G128" s="11"/>
      <c r="H128" s="101"/>
      <c r="I128" s="102"/>
      <c r="J128" s="102"/>
      <c r="K128" s="102"/>
      <c r="L128" s="102"/>
      <c r="M128" s="102"/>
      <c r="N128" s="102"/>
      <c r="O128" s="102"/>
      <c r="P128" s="102"/>
      <c r="Q128" s="102"/>
      <c r="R128" s="102"/>
      <c r="S128" s="102"/>
      <c r="T128" s="102"/>
      <c r="U128" s="102"/>
      <c r="V128" s="102"/>
      <c r="W128" s="102"/>
      <c r="X128" s="102"/>
      <c r="Y128" s="102"/>
      <c r="Z128" s="102"/>
      <c r="AA128" s="102"/>
      <c r="AB128" s="102"/>
      <c r="AC128" s="103"/>
    </row>
    <row r="129" spans="2:37" s="5" customFormat="1" ht="16.5" customHeight="1" x14ac:dyDescent="0.2">
      <c r="D129" s="11"/>
      <c r="E129" s="11"/>
      <c r="F129" s="11"/>
      <c r="G129" s="11"/>
      <c r="H129" s="104"/>
      <c r="I129" s="105"/>
      <c r="J129" s="105"/>
      <c r="K129" s="105"/>
      <c r="L129" s="105"/>
      <c r="M129" s="105"/>
      <c r="N129" s="105"/>
      <c r="O129" s="105"/>
      <c r="P129" s="105"/>
      <c r="Q129" s="105"/>
      <c r="R129" s="105"/>
      <c r="S129" s="105"/>
      <c r="T129" s="105"/>
      <c r="U129" s="105"/>
      <c r="V129" s="105"/>
      <c r="W129" s="105"/>
      <c r="X129" s="105"/>
      <c r="Y129" s="105"/>
      <c r="Z129" s="105"/>
      <c r="AA129" s="105"/>
      <c r="AB129" s="105"/>
      <c r="AC129" s="106"/>
      <c r="AE129" s="4"/>
      <c r="AF129" s="4"/>
      <c r="AG129" s="4"/>
    </row>
    <row r="130" spans="2:37" ht="16.5" customHeight="1" x14ac:dyDescent="0.2">
      <c r="E130" s="12"/>
      <c r="F130" s="12"/>
      <c r="G130" s="12"/>
      <c r="H130" s="7"/>
      <c r="I130" s="7"/>
      <c r="J130" s="7"/>
      <c r="K130" s="7"/>
      <c r="L130" s="7"/>
      <c r="M130" s="7"/>
      <c r="N130" s="7"/>
      <c r="O130" s="7"/>
      <c r="P130" s="7"/>
      <c r="Q130" s="7"/>
      <c r="R130" s="7"/>
      <c r="S130" s="7"/>
      <c r="T130" s="7"/>
      <c r="U130" s="7"/>
      <c r="V130" s="7"/>
      <c r="W130" s="7"/>
      <c r="X130" s="7"/>
      <c r="Y130" s="1"/>
      <c r="Z130" s="7"/>
      <c r="AA130" s="7"/>
      <c r="AD130" s="1"/>
      <c r="AE130" s="1"/>
      <c r="AK130" s="3"/>
    </row>
    <row r="131" spans="2:37" ht="7.5" customHeight="1" x14ac:dyDescent="0.2">
      <c r="B131" s="5"/>
      <c r="U131" s="1"/>
      <c r="Y131" s="1"/>
      <c r="Z131" s="34"/>
      <c r="AD131" s="5"/>
      <c r="AE131" s="1"/>
    </row>
    <row r="132" spans="2:37" ht="16.5" customHeight="1" x14ac:dyDescent="0.2">
      <c r="B132" s="5"/>
      <c r="D132" s="85" t="s">
        <v>137</v>
      </c>
      <c r="E132" s="86"/>
      <c r="F132" s="89" t="s">
        <v>138</v>
      </c>
      <c r="G132" s="90"/>
      <c r="H132" s="90"/>
      <c r="I132" s="90"/>
      <c r="J132" s="90"/>
      <c r="K132" s="90"/>
      <c r="L132" s="90"/>
      <c r="M132" s="90"/>
      <c r="N132" s="90"/>
      <c r="O132" s="90"/>
      <c r="P132" s="90"/>
      <c r="Q132" s="90"/>
      <c r="R132" s="90"/>
      <c r="S132" s="90"/>
      <c r="T132" s="90"/>
      <c r="U132" s="90"/>
      <c r="V132" s="90"/>
      <c r="W132" s="90"/>
      <c r="X132" s="90"/>
      <c r="Y132" s="90"/>
      <c r="Z132" s="90"/>
      <c r="AA132" s="90"/>
      <c r="AB132" s="90"/>
      <c r="AC132" s="91"/>
      <c r="AD132" s="1"/>
      <c r="AE132" s="1"/>
    </row>
    <row r="133" spans="2:37" ht="16.5" customHeight="1" x14ac:dyDescent="0.2">
      <c r="B133" s="5"/>
      <c r="D133" s="87"/>
      <c r="E133" s="88"/>
      <c r="F133" s="92"/>
      <c r="G133" s="93"/>
      <c r="H133" s="93"/>
      <c r="I133" s="93"/>
      <c r="J133" s="93"/>
      <c r="K133" s="93"/>
      <c r="L133" s="93"/>
      <c r="M133" s="93"/>
      <c r="N133" s="93"/>
      <c r="O133" s="93"/>
      <c r="P133" s="93"/>
      <c r="Q133" s="93"/>
      <c r="R133" s="93"/>
      <c r="S133" s="93"/>
      <c r="T133" s="93"/>
      <c r="U133" s="93"/>
      <c r="V133" s="93"/>
      <c r="W133" s="93"/>
      <c r="X133" s="93"/>
      <c r="Y133" s="93"/>
      <c r="Z133" s="93"/>
      <c r="AA133" s="93"/>
      <c r="AB133" s="93"/>
      <c r="AC133" s="94"/>
      <c r="AD133" s="1"/>
      <c r="AE133" s="1"/>
    </row>
    <row r="134" spans="2:37" s="5" customFormat="1" ht="13.2" x14ac:dyDescent="0.2">
      <c r="E134" s="11"/>
      <c r="F134" s="11"/>
      <c r="G134" s="11"/>
      <c r="H134" s="11"/>
      <c r="I134" s="11"/>
      <c r="J134" s="11"/>
      <c r="K134" s="11"/>
      <c r="L134" s="11"/>
      <c r="M134" s="11"/>
      <c r="N134" s="11"/>
      <c r="O134" s="11"/>
      <c r="P134" s="11"/>
      <c r="Q134" s="11"/>
      <c r="R134" s="11"/>
      <c r="S134" s="7"/>
      <c r="T134" s="7"/>
      <c r="U134" s="7"/>
      <c r="V134" s="7"/>
      <c r="W134" s="7"/>
      <c r="X134" s="7"/>
      <c r="Y134" s="7"/>
      <c r="Z134" s="7"/>
      <c r="AE134" s="4"/>
    </row>
    <row r="135" spans="2:37" s="5" customFormat="1" ht="16.5" customHeight="1" x14ac:dyDescent="0.2">
      <c r="D135" s="16"/>
      <c r="E135" s="17"/>
      <c r="F135" s="17"/>
      <c r="G135" s="17"/>
      <c r="H135" s="11"/>
      <c r="I135" s="11"/>
      <c r="J135" s="11"/>
      <c r="K135" s="11"/>
      <c r="L135" s="17"/>
      <c r="M135" s="17"/>
      <c r="N135" s="17"/>
      <c r="O135" s="17"/>
      <c r="P135" s="17"/>
      <c r="Q135" s="17"/>
      <c r="R135" s="17"/>
      <c r="S135" s="13"/>
      <c r="U135" s="13"/>
      <c r="V135" s="14"/>
      <c r="W135" s="21"/>
      <c r="X135" s="21"/>
      <c r="Y135" s="21"/>
      <c r="Z135" s="21"/>
      <c r="AA135" s="21"/>
      <c r="AB135" s="21"/>
      <c r="AC135" s="54" t="s">
        <v>74</v>
      </c>
      <c r="AE135" s="4"/>
    </row>
    <row r="136" spans="2:37" ht="7.5" customHeight="1" x14ac:dyDescent="0.2">
      <c r="B136" s="5"/>
      <c r="D136" s="11"/>
      <c r="E136" s="19"/>
      <c r="F136" s="17"/>
      <c r="G136" s="17"/>
      <c r="H136" s="17"/>
      <c r="I136" s="17"/>
      <c r="J136" s="17"/>
      <c r="K136" s="17"/>
      <c r="L136" s="17"/>
      <c r="M136" s="17"/>
      <c r="N136" s="17"/>
      <c r="O136" s="17"/>
      <c r="P136" s="17"/>
      <c r="Q136" s="17"/>
      <c r="R136" s="17"/>
      <c r="S136" s="13"/>
      <c r="T136" s="13"/>
      <c r="U136" s="13"/>
      <c r="V136" s="13"/>
      <c r="W136" s="21"/>
      <c r="X136" s="21"/>
      <c r="Y136" s="21"/>
      <c r="Z136" s="21"/>
      <c r="AA136" s="21"/>
      <c r="AB136" s="21"/>
      <c r="AC136" s="21"/>
      <c r="AD136" s="1"/>
      <c r="AE136" s="1"/>
    </row>
    <row r="137" spans="2:37" s="5" customFormat="1" ht="16.5" customHeight="1" x14ac:dyDescent="0.2">
      <c r="D137" s="16"/>
      <c r="E137" s="17"/>
      <c r="F137" s="17"/>
      <c r="G137" s="17"/>
      <c r="H137" s="17"/>
      <c r="I137" s="17"/>
      <c r="J137" s="17"/>
      <c r="K137" s="17"/>
      <c r="L137" s="17"/>
      <c r="M137" s="20"/>
      <c r="N137" s="17"/>
      <c r="O137" s="11"/>
      <c r="P137" s="11"/>
      <c r="Q137" s="17"/>
      <c r="R137" s="17"/>
      <c r="S137" s="13"/>
      <c r="T137" s="13"/>
      <c r="U137" s="13"/>
      <c r="V137" s="14"/>
      <c r="W137" s="21"/>
      <c r="X137" s="21"/>
      <c r="Y137" s="21"/>
      <c r="Z137" s="21"/>
      <c r="AA137" s="21"/>
      <c r="AB137" s="21"/>
      <c r="AC137" s="21"/>
    </row>
    <row r="138" spans="2:37" ht="7.5" customHeight="1" x14ac:dyDescent="0.2">
      <c r="B138" s="5"/>
      <c r="E138" s="9"/>
      <c r="F138" s="6"/>
      <c r="G138" s="13"/>
      <c r="H138" s="13"/>
      <c r="I138" s="13"/>
      <c r="J138" s="13"/>
      <c r="K138" s="13"/>
      <c r="L138" s="13"/>
      <c r="M138" s="13"/>
      <c r="N138" s="13"/>
      <c r="O138" s="13"/>
      <c r="P138" s="13"/>
      <c r="Q138" s="13"/>
      <c r="R138" s="13"/>
      <c r="S138" s="13"/>
      <c r="T138" s="13"/>
      <c r="U138" s="13"/>
      <c r="V138" s="13"/>
      <c r="W138" s="13"/>
      <c r="X138" s="13"/>
      <c r="Y138" s="13"/>
      <c r="Z138" s="13"/>
      <c r="AA138" s="13"/>
      <c r="AD138" s="1"/>
      <c r="AE138" s="1"/>
    </row>
    <row r="139" spans="2:37" ht="16.5" customHeight="1" x14ac:dyDescent="0.2">
      <c r="AD139" s="1"/>
      <c r="AE139" s="1"/>
    </row>
    <row r="140" spans="2:37" ht="16.5" customHeight="1" x14ac:dyDescent="0.2">
      <c r="AD140" s="1"/>
      <c r="AE140" s="1"/>
    </row>
    <row r="141" spans="2:37" ht="16.5" customHeight="1" x14ac:dyDescent="0.2">
      <c r="AD141" s="1"/>
      <c r="AE141" s="1"/>
    </row>
    <row r="142" spans="2:37" s="5" customFormat="1" ht="17.25" customHeight="1" x14ac:dyDescent="0.2">
      <c r="AD142" s="11"/>
      <c r="AE142" s="7"/>
    </row>
    <row r="143" spans="2:37" s="5" customFormat="1" ht="17.25" customHeight="1" x14ac:dyDescent="0.2">
      <c r="AD143" s="10"/>
      <c r="AE143" s="8"/>
    </row>
    <row r="144" spans="2:37" s="5" customFormat="1" ht="17.25" customHeight="1" x14ac:dyDescent="0.2">
      <c r="AD144" s="11"/>
      <c r="AE144" s="8"/>
    </row>
    <row r="145" spans="30:33" s="5" customFormat="1" ht="17.25" customHeight="1" x14ac:dyDescent="0.2">
      <c r="AD145" s="11"/>
      <c r="AE145" s="7"/>
    </row>
    <row r="146" spans="30:33" s="5" customFormat="1" ht="17.25" customHeight="1" x14ac:dyDescent="0.2">
      <c r="AD146" s="11"/>
      <c r="AE146" s="7"/>
    </row>
    <row r="147" spans="30:33" s="5" customFormat="1" ht="17.25" customHeight="1" x14ac:dyDescent="0.2">
      <c r="AD147" s="11"/>
      <c r="AE147" s="7"/>
    </row>
    <row r="148" spans="30:33" s="5" customFormat="1" ht="17.25" customHeight="1" x14ac:dyDescent="0.2">
      <c r="AD148" s="11"/>
      <c r="AE148" s="7"/>
      <c r="AF148" s="4"/>
      <c r="AG148" s="4"/>
    </row>
    <row r="149" spans="30:33" s="5" customFormat="1" ht="17.25" customHeight="1" x14ac:dyDescent="0.2">
      <c r="AD149" s="11"/>
      <c r="AE149" s="7"/>
    </row>
    <row r="150" spans="30:33" s="5" customFormat="1" ht="17.25" customHeight="1" x14ac:dyDescent="0.2">
      <c r="AD150" s="11"/>
      <c r="AE150" s="7"/>
    </row>
    <row r="151" spans="30:33" s="5" customFormat="1" ht="17.25" customHeight="1" x14ac:dyDescent="0.2">
      <c r="AD151" s="11"/>
      <c r="AE151" s="7"/>
    </row>
    <row r="152" spans="30:33" s="5" customFormat="1" ht="17.25" customHeight="1" x14ac:dyDescent="0.2">
      <c r="AD152" s="11"/>
      <c r="AE152" s="7"/>
      <c r="AF152" s="4"/>
      <c r="AG152" s="4"/>
    </row>
    <row r="153" spans="30:33" s="5" customFormat="1" ht="17.25" customHeight="1" x14ac:dyDescent="0.2">
      <c r="AD153" s="11"/>
      <c r="AE153" s="7"/>
      <c r="AF153" s="4"/>
      <c r="AG153" s="4"/>
    </row>
    <row r="154" spans="30:33" s="5" customFormat="1" ht="17.25" customHeight="1" x14ac:dyDescent="0.2">
      <c r="AD154" s="11"/>
      <c r="AE154" s="7"/>
    </row>
    <row r="155" spans="30:33" s="5" customFormat="1" ht="17.25" customHeight="1" x14ac:dyDescent="0.2">
      <c r="AD155" s="11"/>
      <c r="AE155" s="7"/>
    </row>
    <row r="156" spans="30:33" s="5" customFormat="1" ht="17.25" customHeight="1" x14ac:dyDescent="0.2">
      <c r="AD156" s="10"/>
      <c r="AE156" s="7"/>
    </row>
    <row r="157" spans="30:33" s="5" customFormat="1" ht="17.25" customHeight="1" x14ac:dyDescent="0.2">
      <c r="AD157" s="11"/>
      <c r="AE157" s="7"/>
    </row>
    <row r="158" spans="30:33" s="5" customFormat="1" ht="17.25" customHeight="1" x14ac:dyDescent="0.2">
      <c r="AD158" s="11"/>
      <c r="AE158" s="7"/>
    </row>
    <row r="159" spans="30:33" s="5" customFormat="1" ht="17.25" customHeight="1" x14ac:dyDescent="0.2">
      <c r="AD159" s="11"/>
      <c r="AE159" s="7"/>
    </row>
    <row r="160" spans="30:33" s="5" customFormat="1" ht="17.25" customHeight="1" x14ac:dyDescent="0.2">
      <c r="AD160" s="10"/>
      <c r="AE160" s="7"/>
    </row>
    <row r="161" spans="30:31" s="5" customFormat="1" ht="17.25" customHeight="1" x14ac:dyDescent="0.2">
      <c r="AD161" s="10"/>
      <c r="AE161" s="7"/>
    </row>
    <row r="162" spans="30:31" s="5" customFormat="1" ht="17.25" customHeight="1" x14ac:dyDescent="0.2">
      <c r="AD162" s="11"/>
      <c r="AE162" s="7"/>
    </row>
    <row r="163" spans="30:31" s="5" customFormat="1" ht="17.25" customHeight="1" x14ac:dyDescent="0.2">
      <c r="AD163" s="11"/>
      <c r="AE163" s="7"/>
    </row>
    <row r="164" spans="30:31" s="5" customFormat="1" ht="17.25" customHeight="1" x14ac:dyDescent="0.2">
      <c r="AD164" s="11"/>
      <c r="AE164" s="7"/>
    </row>
    <row r="165" spans="30:31" s="5" customFormat="1" ht="17.25" customHeight="1" x14ac:dyDescent="0.2">
      <c r="AD165" s="11"/>
      <c r="AE165" s="7"/>
    </row>
    <row r="166" spans="30:31" s="5" customFormat="1" ht="17.25" customHeight="1" x14ac:dyDescent="0.2">
      <c r="AD166" s="11"/>
      <c r="AE166" s="7"/>
    </row>
    <row r="167" spans="30:31" s="5" customFormat="1" ht="17.25" customHeight="1" x14ac:dyDescent="0.2">
      <c r="AD167" s="11"/>
      <c r="AE167" s="7"/>
    </row>
    <row r="168" spans="30:31" s="5" customFormat="1" ht="17.25" customHeight="1" x14ac:dyDescent="0.2">
      <c r="AD168" s="11"/>
      <c r="AE168" s="7"/>
    </row>
    <row r="169" spans="30:31" s="5" customFormat="1" ht="17.25" customHeight="1" x14ac:dyDescent="0.2">
      <c r="AD169" s="11"/>
      <c r="AE169" s="7"/>
    </row>
    <row r="170" spans="30:31" s="5" customFormat="1" ht="17.25" customHeight="1" x14ac:dyDescent="0.2">
      <c r="AD170" s="11"/>
      <c r="AE170" s="7"/>
    </row>
    <row r="171" spans="30:31" s="5" customFormat="1" ht="17.25" customHeight="1" x14ac:dyDescent="0.2">
      <c r="AD171" s="11"/>
      <c r="AE171" s="7"/>
    </row>
    <row r="172" spans="30:31" s="5" customFormat="1" ht="17.25" customHeight="1" x14ac:dyDescent="0.2">
      <c r="AD172" s="11"/>
      <c r="AE172" s="7"/>
    </row>
    <row r="173" spans="30:31" s="5" customFormat="1" ht="17.25" customHeight="1" x14ac:dyDescent="0.2">
      <c r="AD173" s="11"/>
      <c r="AE173" s="7"/>
    </row>
    <row r="174" spans="30:31" s="5" customFormat="1" ht="17.25" customHeight="1" x14ac:dyDescent="0.2">
      <c r="AD174" s="11"/>
      <c r="AE174" s="7"/>
    </row>
    <row r="175" spans="30:31" s="5" customFormat="1" ht="17.25" customHeight="1" x14ac:dyDescent="0.2">
      <c r="AD175" s="11"/>
      <c r="AE175" s="7"/>
    </row>
    <row r="176" spans="30:31" s="5" customFormat="1" ht="17.25" customHeight="1" x14ac:dyDescent="0.2">
      <c r="AD176" s="11"/>
      <c r="AE176" s="7"/>
    </row>
    <row r="177" spans="30:31" s="5" customFormat="1" ht="17.25" customHeight="1" x14ac:dyDescent="0.2">
      <c r="AD177" s="11"/>
      <c r="AE177" s="7"/>
    </row>
    <row r="178" spans="30:31" s="5" customFormat="1" ht="17.25" customHeight="1" x14ac:dyDescent="0.2">
      <c r="AD178" s="11"/>
      <c r="AE178" s="7"/>
    </row>
    <row r="179" spans="30:31" s="5" customFormat="1" ht="17.25" customHeight="1" x14ac:dyDescent="0.2">
      <c r="AD179" s="11"/>
      <c r="AE179" s="7"/>
    </row>
    <row r="180" spans="30:31" s="5" customFormat="1" ht="17.25" customHeight="1" x14ac:dyDescent="0.2">
      <c r="AD180" s="11"/>
      <c r="AE180" s="7"/>
    </row>
    <row r="181" spans="30:31" s="5" customFormat="1" ht="17.25" customHeight="1" x14ac:dyDescent="0.2">
      <c r="AD181" s="11"/>
      <c r="AE181" s="7"/>
    </row>
    <row r="182" spans="30:31" s="5" customFormat="1" ht="17.25" customHeight="1" x14ac:dyDescent="0.2">
      <c r="AD182" s="11"/>
      <c r="AE182" s="7"/>
    </row>
    <row r="183" spans="30:31" s="5" customFormat="1" ht="17.25" customHeight="1" x14ac:dyDescent="0.2">
      <c r="AD183" s="11"/>
      <c r="AE183" s="7"/>
    </row>
    <row r="184" spans="30:31" s="5" customFormat="1" ht="17.25" customHeight="1" x14ac:dyDescent="0.2">
      <c r="AD184" s="11"/>
      <c r="AE184" s="7"/>
    </row>
    <row r="185" spans="30:31" s="5" customFormat="1" ht="17.25" customHeight="1" x14ac:dyDescent="0.2">
      <c r="AD185" s="11"/>
      <c r="AE185" s="7"/>
    </row>
    <row r="186" spans="30:31" s="5" customFormat="1" ht="17.25" customHeight="1" x14ac:dyDescent="0.2">
      <c r="AD186" s="11"/>
      <c r="AE186" s="7"/>
    </row>
    <row r="187" spans="30:31" s="5" customFormat="1" ht="17.25" customHeight="1" x14ac:dyDescent="0.2">
      <c r="AD187" s="11"/>
      <c r="AE187" s="7"/>
    </row>
    <row r="188" spans="30:31" s="5" customFormat="1" ht="17.25" customHeight="1" x14ac:dyDescent="0.2">
      <c r="AD188" s="11"/>
      <c r="AE188" s="7"/>
    </row>
    <row r="189" spans="30:31" s="5" customFormat="1" ht="17.25" customHeight="1" x14ac:dyDescent="0.2">
      <c r="AD189" s="11"/>
      <c r="AE189" s="7"/>
    </row>
    <row r="190" spans="30:31" s="5" customFormat="1" ht="17.25" customHeight="1" x14ac:dyDescent="0.2">
      <c r="AD190" s="11"/>
      <c r="AE190" s="7"/>
    </row>
    <row r="191" spans="30:31" s="5" customFormat="1" ht="17.25" customHeight="1" x14ac:dyDescent="0.2">
      <c r="AD191" s="11"/>
      <c r="AE191" s="7"/>
    </row>
    <row r="192" spans="30:31" s="5" customFormat="1" ht="17.25" customHeight="1" x14ac:dyDescent="0.2">
      <c r="AD192" s="11"/>
      <c r="AE192" s="7"/>
    </row>
    <row r="193" spans="30:31" s="5" customFormat="1" ht="17.25" customHeight="1" x14ac:dyDescent="0.2">
      <c r="AD193" s="11"/>
      <c r="AE193" s="7"/>
    </row>
    <row r="194" spans="30:31" s="5" customFormat="1" ht="17.25" customHeight="1" x14ac:dyDescent="0.2">
      <c r="AD194" s="11"/>
      <c r="AE194" s="7"/>
    </row>
    <row r="195" spans="30:31" s="5" customFormat="1" ht="17.25" customHeight="1" x14ac:dyDescent="0.2">
      <c r="AD195" s="11"/>
      <c r="AE195" s="7"/>
    </row>
    <row r="196" spans="30:31" s="5" customFormat="1" ht="17.25" customHeight="1" x14ac:dyDescent="0.2">
      <c r="AD196" s="11"/>
      <c r="AE196" s="7"/>
    </row>
    <row r="197" spans="30:31" s="5" customFormat="1" ht="17.25" customHeight="1" x14ac:dyDescent="0.2">
      <c r="AD197" s="11"/>
      <c r="AE197" s="7"/>
    </row>
    <row r="198" spans="30:31" s="5" customFormat="1" ht="17.25" customHeight="1" x14ac:dyDescent="0.2">
      <c r="AD198" s="11"/>
      <c r="AE198" s="7"/>
    </row>
    <row r="199" spans="30:31" s="5" customFormat="1" ht="17.25" customHeight="1" x14ac:dyDescent="0.2">
      <c r="AD199" s="11"/>
      <c r="AE199" s="7"/>
    </row>
    <row r="200" spans="30:31" s="5" customFormat="1" ht="17.25" customHeight="1" x14ac:dyDescent="0.2">
      <c r="AD200" s="11"/>
      <c r="AE200" s="7"/>
    </row>
    <row r="201" spans="30:31" s="5" customFormat="1" ht="17.25" customHeight="1" x14ac:dyDescent="0.2">
      <c r="AD201" s="11"/>
      <c r="AE201" s="7"/>
    </row>
    <row r="202" spans="30:31" s="5" customFormat="1" ht="17.25" customHeight="1" x14ac:dyDescent="0.2">
      <c r="AD202" s="11"/>
      <c r="AE202" s="7"/>
    </row>
    <row r="203" spans="30:31" s="5" customFormat="1" ht="17.25" customHeight="1" x14ac:dyDescent="0.2">
      <c r="AD203" s="11"/>
      <c r="AE203" s="7"/>
    </row>
    <row r="204" spans="30:31" s="5" customFormat="1" ht="17.25" customHeight="1" x14ac:dyDescent="0.2">
      <c r="AD204" s="11"/>
      <c r="AE204" s="7"/>
    </row>
    <row r="205" spans="30:31" s="5" customFormat="1" ht="17.25" customHeight="1" x14ac:dyDescent="0.2">
      <c r="AD205" s="11"/>
      <c r="AE205" s="7"/>
    </row>
    <row r="206" spans="30:31" s="5" customFormat="1" ht="17.25" customHeight="1" x14ac:dyDescent="0.2">
      <c r="AD206" s="11"/>
      <c r="AE206" s="7"/>
    </row>
    <row r="207" spans="30:31" s="5" customFormat="1" ht="17.25" customHeight="1" x14ac:dyDescent="0.2">
      <c r="AD207" s="11"/>
      <c r="AE207" s="7"/>
    </row>
    <row r="208" spans="30:31" s="5" customFormat="1" ht="17.25" customHeight="1" x14ac:dyDescent="0.2">
      <c r="AD208" s="11"/>
      <c r="AE208" s="7"/>
    </row>
    <row r="209" spans="30:31" s="5" customFormat="1" ht="17.25" customHeight="1" x14ac:dyDescent="0.2">
      <c r="AD209" s="11"/>
      <c r="AE209" s="7"/>
    </row>
    <row r="210" spans="30:31" s="5" customFormat="1" ht="17.25" customHeight="1" x14ac:dyDescent="0.2">
      <c r="AD210" s="11"/>
      <c r="AE210" s="7"/>
    </row>
    <row r="211" spans="30:31" s="5" customFormat="1" ht="17.25" customHeight="1" x14ac:dyDescent="0.2">
      <c r="AD211" s="11"/>
      <c r="AE211" s="7"/>
    </row>
    <row r="212" spans="30:31" s="5" customFormat="1" ht="17.25" customHeight="1" x14ac:dyDescent="0.2">
      <c r="AD212" s="11"/>
      <c r="AE212" s="7"/>
    </row>
    <row r="213" spans="30:31" s="5" customFormat="1" ht="17.25" customHeight="1" x14ac:dyDescent="0.2">
      <c r="AD213" s="11"/>
      <c r="AE213" s="7"/>
    </row>
    <row r="214" spans="30:31" s="5" customFormat="1" ht="17.25" customHeight="1" x14ac:dyDescent="0.2">
      <c r="AD214" s="11"/>
      <c r="AE214" s="7"/>
    </row>
    <row r="215" spans="30:31" s="5" customFormat="1" ht="17.25" customHeight="1" x14ac:dyDescent="0.2">
      <c r="AD215" s="11"/>
      <c r="AE215" s="7"/>
    </row>
    <row r="216" spans="30:31" s="5" customFormat="1" ht="17.25" customHeight="1" x14ac:dyDescent="0.2">
      <c r="AD216" s="11"/>
      <c r="AE216" s="7"/>
    </row>
    <row r="217" spans="30:31" s="5" customFormat="1" ht="17.25" customHeight="1" x14ac:dyDescent="0.2">
      <c r="AD217" s="11"/>
      <c r="AE217" s="7"/>
    </row>
    <row r="218" spans="30:31" s="5" customFormat="1" ht="17.25" customHeight="1" x14ac:dyDescent="0.2">
      <c r="AD218" s="11"/>
      <c r="AE218" s="7"/>
    </row>
    <row r="219" spans="30:31" s="5" customFormat="1" ht="17.25" customHeight="1" x14ac:dyDescent="0.2">
      <c r="AD219" s="11"/>
      <c r="AE219" s="7"/>
    </row>
    <row r="220" spans="30:31" s="5" customFormat="1" ht="17.25" customHeight="1" x14ac:dyDescent="0.2">
      <c r="AD220" s="11"/>
      <c r="AE220" s="7"/>
    </row>
    <row r="221" spans="30:31" s="5" customFormat="1" ht="17.25" customHeight="1" x14ac:dyDescent="0.2">
      <c r="AD221" s="11"/>
      <c r="AE221" s="7"/>
    </row>
    <row r="222" spans="30:31" s="5" customFormat="1" ht="17.25" customHeight="1" x14ac:dyDescent="0.2">
      <c r="AD222" s="11"/>
      <c r="AE222" s="7"/>
    </row>
    <row r="223" spans="30:31" s="5" customFormat="1" ht="17.25" customHeight="1" x14ac:dyDescent="0.2">
      <c r="AD223" s="11"/>
      <c r="AE223" s="7"/>
    </row>
    <row r="224" spans="30:31" s="5" customFormat="1" ht="17.25" customHeight="1" x14ac:dyDescent="0.2">
      <c r="AD224" s="11"/>
      <c r="AE224" s="7"/>
    </row>
    <row r="225" spans="2:33" s="5" customFormat="1" ht="17.25" customHeight="1" x14ac:dyDescent="0.2">
      <c r="AD225" s="11"/>
      <c r="AE225" s="7"/>
    </row>
    <row r="226" spans="2:33" s="5" customFormat="1" ht="17.25" customHeight="1" x14ac:dyDescent="0.2">
      <c r="AD226" s="11"/>
      <c r="AE226" s="7"/>
    </row>
    <row r="227" spans="2:33" s="5" customFormat="1" ht="17.25" customHeight="1" x14ac:dyDescent="0.2">
      <c r="AD227" s="11"/>
      <c r="AE227" s="7"/>
    </row>
    <row r="228" spans="2:33" s="5" customFormat="1" ht="17.25" customHeight="1" x14ac:dyDescent="0.2">
      <c r="AD228" s="11"/>
      <c r="AE228" s="7"/>
    </row>
    <row r="229" spans="2:33" s="5" customFormat="1" ht="17.25" customHeight="1" x14ac:dyDescent="0.2">
      <c r="AD229" s="11"/>
      <c r="AE229" s="7"/>
    </row>
    <row r="230" spans="2:33" s="5" customFormat="1" ht="17.25" customHeight="1" x14ac:dyDescent="0.2">
      <c r="AD230" s="11"/>
      <c r="AE230" s="7"/>
    </row>
    <row r="231" spans="2:33" s="5" customFormat="1" ht="17.25" customHeight="1" x14ac:dyDescent="0.2">
      <c r="AD231" s="11"/>
      <c r="AE231" s="7"/>
    </row>
    <row r="232" spans="2:33" s="5" customFormat="1" ht="17.25" customHeight="1" x14ac:dyDescent="0.2">
      <c r="AD232" s="11"/>
      <c r="AE232" s="7"/>
    </row>
    <row r="233" spans="2:33" s="5" customFormat="1" ht="17.25" customHeight="1" x14ac:dyDescent="0.2">
      <c r="B233" s="28"/>
      <c r="AD233" s="11"/>
      <c r="AE233" s="7"/>
    </row>
    <row r="234" spans="2:33" ht="17.25" customHeight="1" x14ac:dyDescent="0.2">
      <c r="AD234" s="11"/>
      <c r="AE234" s="7"/>
      <c r="AF234" s="5"/>
      <c r="AG234" s="5"/>
    </row>
    <row r="235" spans="2:33" ht="17.25" customHeight="1" x14ac:dyDescent="0.2">
      <c r="AD235" s="11"/>
      <c r="AE235" s="7"/>
      <c r="AF235" s="5"/>
      <c r="AG235" s="5"/>
    </row>
    <row r="236" spans="2:33" ht="17.25" customHeight="1" x14ac:dyDescent="0.2">
      <c r="AD236" s="11"/>
      <c r="AE236" s="7"/>
      <c r="AF236" s="5"/>
      <c r="AG236" s="5"/>
    </row>
    <row r="237" spans="2:33" ht="17.25" customHeight="1" x14ac:dyDescent="0.2">
      <c r="AD237" s="11"/>
      <c r="AE237" s="7"/>
      <c r="AF237" s="5"/>
      <c r="AG237" s="5"/>
    </row>
    <row r="238" spans="2:33" ht="17.25" customHeight="1" x14ac:dyDescent="0.2">
      <c r="AD238" s="11"/>
      <c r="AE238" s="7"/>
      <c r="AF238" s="5"/>
      <c r="AG238" s="5"/>
    </row>
    <row r="239" spans="2:33" ht="17.25" customHeight="1" x14ac:dyDescent="0.2">
      <c r="AD239" s="11"/>
      <c r="AE239" s="7"/>
      <c r="AF239" s="5"/>
      <c r="AG239" s="5"/>
    </row>
    <row r="240" spans="2:33" ht="17.25" customHeight="1" x14ac:dyDescent="0.2">
      <c r="AD240" s="11"/>
      <c r="AE240" s="7"/>
      <c r="AF240" s="5"/>
      <c r="AG240" s="5"/>
    </row>
    <row r="241" spans="30:33" ht="17.25" customHeight="1" x14ac:dyDescent="0.2">
      <c r="AD241" s="11"/>
      <c r="AE241" s="7"/>
      <c r="AF241" s="5"/>
      <c r="AG241" s="5"/>
    </row>
    <row r="242" spans="30:33" ht="17.25" customHeight="1" x14ac:dyDescent="0.2">
      <c r="AD242" s="11"/>
      <c r="AE242" s="7"/>
      <c r="AF242" s="5"/>
      <c r="AG242" s="5"/>
    </row>
    <row r="243" spans="30:33" ht="17.25" customHeight="1" x14ac:dyDescent="0.2">
      <c r="AD243" s="11"/>
      <c r="AE243" s="7"/>
      <c r="AF243" s="5"/>
      <c r="AG243" s="5"/>
    </row>
    <row r="244" spans="30:33" ht="17.25" customHeight="1" x14ac:dyDescent="0.2">
      <c r="AD244" s="11"/>
      <c r="AE244" s="7"/>
      <c r="AF244" s="5"/>
      <c r="AG244" s="5"/>
    </row>
    <row r="245" spans="30:33" ht="17.25" customHeight="1" x14ac:dyDescent="0.2">
      <c r="AD245" s="11"/>
      <c r="AE245" s="7"/>
      <c r="AF245" s="5"/>
      <c r="AG245" s="5"/>
    </row>
    <row r="246" spans="30:33" ht="17.25" customHeight="1" x14ac:dyDescent="0.2">
      <c r="AD246" s="11"/>
      <c r="AE246" s="7"/>
      <c r="AF246" s="5"/>
      <c r="AG246" s="5"/>
    </row>
    <row r="247" spans="30:33" ht="17.25" customHeight="1" x14ac:dyDescent="0.2">
      <c r="AD247" s="11"/>
      <c r="AE247" s="7"/>
      <c r="AF247" s="5"/>
      <c r="AG247" s="5"/>
    </row>
    <row r="248" spans="30:33" ht="17.25" customHeight="1" x14ac:dyDescent="0.2">
      <c r="AD248" s="11"/>
      <c r="AE248" s="7"/>
      <c r="AF248" s="5"/>
      <c r="AG248" s="5"/>
    </row>
    <row r="249" spans="30:33" ht="17.25" customHeight="1" x14ac:dyDescent="0.2">
      <c r="AD249" s="11"/>
      <c r="AF249" s="5"/>
      <c r="AG249" s="5"/>
    </row>
    <row r="250" spans="30:33" ht="17.25" customHeight="1" x14ac:dyDescent="0.2">
      <c r="AD250" s="11"/>
      <c r="AF250" s="5"/>
      <c r="AG250" s="5"/>
    </row>
    <row r="251" spans="30:33" ht="17.25" customHeight="1" x14ac:dyDescent="0.2">
      <c r="AD251" s="11"/>
      <c r="AF251" s="5"/>
      <c r="AG251" s="5"/>
    </row>
    <row r="252" spans="30:33" ht="17.25" customHeight="1" x14ac:dyDescent="0.2">
      <c r="AD252" s="11"/>
      <c r="AF252" s="5"/>
      <c r="AG252" s="5"/>
    </row>
    <row r="253" spans="30:33" ht="17.25" customHeight="1" x14ac:dyDescent="0.2">
      <c r="AD253" s="11"/>
      <c r="AF253" s="5"/>
      <c r="AG253" s="5"/>
    </row>
    <row r="254" spans="30:33" ht="17.25" customHeight="1" x14ac:dyDescent="0.2">
      <c r="AD254" s="11"/>
      <c r="AF254" s="5"/>
      <c r="AG254" s="5"/>
    </row>
    <row r="255" spans="30:33" ht="17.25" customHeight="1" x14ac:dyDescent="0.2">
      <c r="AD255" s="11"/>
      <c r="AF255" s="5"/>
      <c r="AG255" s="5"/>
    </row>
    <row r="256" spans="30:33" ht="17.25" customHeight="1" x14ac:dyDescent="0.2">
      <c r="AD256" s="11"/>
      <c r="AF256" s="5"/>
      <c r="AG256" s="5"/>
    </row>
    <row r="257" spans="30:33" ht="17.25" customHeight="1" x14ac:dyDescent="0.2">
      <c r="AD257" s="11"/>
      <c r="AF257" s="5"/>
      <c r="AG257" s="5"/>
    </row>
    <row r="258" spans="30:33" ht="17.25" customHeight="1" x14ac:dyDescent="0.2">
      <c r="AD258" s="11"/>
    </row>
    <row r="259" spans="30:33" ht="17.25" customHeight="1" x14ac:dyDescent="0.2">
      <c r="AD259" s="11"/>
    </row>
    <row r="260" spans="30:33" ht="17.25" customHeight="1" x14ac:dyDescent="0.2">
      <c r="AD260" s="11"/>
    </row>
    <row r="261" spans="30:33" ht="17.25" customHeight="1" x14ac:dyDescent="0.2">
      <c r="AD261" s="11"/>
    </row>
    <row r="262" spans="30:33" ht="17.25" customHeight="1" x14ac:dyDescent="0.2">
      <c r="AD262" s="11"/>
    </row>
    <row r="263" spans="30:33" ht="17.25" customHeight="1" x14ac:dyDescent="0.2">
      <c r="AD263" s="11"/>
    </row>
    <row r="264" spans="30:33" ht="17.25" customHeight="1" x14ac:dyDescent="0.2">
      <c r="AD264" s="11"/>
    </row>
    <row r="265" spans="30:33" ht="17.25" customHeight="1" x14ac:dyDescent="0.2">
      <c r="AD265" s="11"/>
    </row>
  </sheetData>
  <mergeCells count="52">
    <mergeCell ref="X81:AC81"/>
    <mergeCell ref="D102:E103"/>
    <mergeCell ref="F102:AC103"/>
    <mergeCell ref="D74:E75"/>
    <mergeCell ref="F74:AC75"/>
    <mergeCell ref="Z28:AC28"/>
    <mergeCell ref="H32:AC35"/>
    <mergeCell ref="W43:AC43"/>
    <mergeCell ref="AA49:AC49"/>
    <mergeCell ref="AA51:AC51"/>
    <mergeCell ref="AA53:AC53"/>
    <mergeCell ref="AA55:AC55"/>
    <mergeCell ref="AA63:AC63"/>
    <mergeCell ref="AA59:AC59"/>
    <mergeCell ref="AA61:AC61"/>
    <mergeCell ref="E18:J18"/>
    <mergeCell ref="D1:AC2"/>
    <mergeCell ref="D40:E41"/>
    <mergeCell ref="F40:AC41"/>
    <mergeCell ref="E17:J17"/>
    <mergeCell ref="E19:J19"/>
    <mergeCell ref="E21:J21"/>
    <mergeCell ref="E16:J16"/>
    <mergeCell ref="K19:Z19"/>
    <mergeCell ref="K21:Z21"/>
    <mergeCell ref="K16:Z16"/>
    <mergeCell ref="E20:J20"/>
    <mergeCell ref="K20:Z20"/>
    <mergeCell ref="K17:Z17"/>
    <mergeCell ref="D25:E26"/>
    <mergeCell ref="F25:AC26"/>
    <mergeCell ref="W107:AC107"/>
    <mergeCell ref="AA113:AC113"/>
    <mergeCell ref="AA117:AC117"/>
    <mergeCell ref="Y105:AB105"/>
    <mergeCell ref="AA119:AC119"/>
    <mergeCell ref="D132:E133"/>
    <mergeCell ref="F132:AC133"/>
    <mergeCell ref="D11:E12"/>
    <mergeCell ref="F11:AC12"/>
    <mergeCell ref="H67:AC70"/>
    <mergeCell ref="X79:AC79"/>
    <mergeCell ref="L18:R18"/>
    <mergeCell ref="T18:Z18"/>
    <mergeCell ref="D122:E123"/>
    <mergeCell ref="F122:AC123"/>
    <mergeCell ref="H125:AC129"/>
    <mergeCell ref="Y109:AB109"/>
    <mergeCell ref="AA85:AC85"/>
    <mergeCell ref="AA87:AC87"/>
    <mergeCell ref="AA89:AC89"/>
    <mergeCell ref="H96:AC99"/>
  </mergeCells>
  <phoneticPr fontId="4"/>
  <dataValidations count="14">
    <dataValidation type="list" allowBlank="1" showInputMessage="1" showErrorMessage="1" sqref="AA49 AA61 AA51" xr:uid="{00000000-0002-0000-0000-000000000000}">
      <formula1>$AG$49:$AI$49</formula1>
    </dataValidation>
    <dataValidation type="list" allowBlank="1" showInputMessage="1" showErrorMessage="1" sqref="W43" xr:uid="{00000000-0002-0000-0000-000001000000}">
      <formula1>$AG$43:$AL$43</formula1>
    </dataValidation>
    <dataValidation type="list" allowBlank="1" showInputMessage="1" showErrorMessage="1" sqref="AA63:AC63" xr:uid="{00000000-0002-0000-0000-000002000000}">
      <formula1>$AG$63:$AI$63</formula1>
    </dataValidation>
    <dataValidation type="list" allowBlank="1" showInputMessage="1" showErrorMessage="1" sqref="AA55:AC55" xr:uid="{00000000-0002-0000-0000-000003000000}">
      <formula1>$AG$55:$AI$55</formula1>
    </dataValidation>
    <dataValidation type="list" allowBlank="1" showInputMessage="1" showErrorMessage="1" sqref="Z28:AC28" xr:uid="{00000000-0002-0000-0000-000004000000}">
      <formula1>$AG$28:$AH$28</formula1>
    </dataValidation>
    <dataValidation type="list" allowBlank="1" showInputMessage="1" showErrorMessage="1" sqref="AA89:AC89" xr:uid="{00000000-0002-0000-0000-000005000000}">
      <formula1>$AG$89:$AI$89</formula1>
    </dataValidation>
    <dataValidation type="list" allowBlank="1" showInputMessage="1" showErrorMessage="1" sqref="AA117:AC117" xr:uid="{00000000-0002-0000-0000-000006000000}">
      <formula1>$AG$117:$AI$117</formula1>
    </dataValidation>
    <dataValidation type="list" allowBlank="1" showInputMessage="1" showErrorMessage="1" sqref="AA119:AC119" xr:uid="{00000000-0002-0000-0000-000007000000}">
      <formula1>$AG$119:$AH$119</formula1>
    </dataValidation>
    <dataValidation type="list" allowBlank="1" showInputMessage="1" showErrorMessage="1" sqref="AA113:AC113" xr:uid="{00000000-0002-0000-0000-000008000000}">
      <formula1>$AG$113:$AH$113</formula1>
    </dataValidation>
    <dataValidation type="list" allowBlank="1" showInputMessage="1" showErrorMessage="1" sqref="AA87:AC87" xr:uid="{00000000-0002-0000-0000-000009000000}">
      <formula1>$AG$87:$AI$87</formula1>
    </dataValidation>
    <dataValidation type="list" allowBlank="1" showInputMessage="1" showErrorMessage="1" sqref="AA85:AC85" xr:uid="{00000000-0002-0000-0000-00000A000000}">
      <formula1>$AG$85:$AI$85</formula1>
    </dataValidation>
    <dataValidation type="list" allowBlank="1" showInputMessage="1" showErrorMessage="1" sqref="AA59:AC59" xr:uid="{00000000-0002-0000-0000-00000B000000}">
      <formula1>$AG$59:$AI$59</formula1>
    </dataValidation>
    <dataValidation type="list" allowBlank="1" showInputMessage="1" showErrorMessage="1" sqref="AA53:AC53" xr:uid="{00000000-0002-0000-0000-00000C000000}">
      <formula1>$AG$53:$AI$53</formula1>
    </dataValidation>
    <dataValidation type="list" allowBlank="1" showInputMessage="1" showErrorMessage="1" sqref="K20:Z20" xr:uid="{00000000-0002-0000-0000-00000D000000}">
      <formula1>$AG$20:$AI$20</formula1>
    </dataValidation>
  </dataValidations>
  <pageMargins left="0.59055118110236227" right="0.39370078740157483" top="0.43307086614173229" bottom="0.19685039370078741" header="0.39370078740157483" footer="0.23622047244094491"/>
  <pageSetup paperSize="9" scale="85" fitToHeight="0" orientation="portrait" r:id="rId1"/>
  <rowBreaks count="1" manualBreakCount="1">
    <brk id="70" min="1" max="29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99"/>
    <pageSetUpPr fitToPage="1"/>
  </sheetPr>
  <dimension ref="A1:WXM255"/>
  <sheetViews>
    <sheetView view="pageBreakPreview" topLeftCell="A79" zoomScaleNormal="100" zoomScaleSheetLayoutView="100" workbookViewId="0">
      <selection activeCell="S20" sqref="S20"/>
    </sheetView>
  </sheetViews>
  <sheetFormatPr defaultColWidth="0" defaultRowHeight="18" customHeight="1" zeroHeight="1" x14ac:dyDescent="0.2"/>
  <cols>
    <col min="1" max="1" width="3.21875" style="35" customWidth="1"/>
    <col min="2" max="28" width="2.33203125" style="35" customWidth="1"/>
    <col min="29" max="29" width="3.21875" style="35" customWidth="1"/>
    <col min="30" max="56" width="2.33203125" style="35" customWidth="1"/>
    <col min="57" max="57" width="2.33203125" style="36" customWidth="1"/>
    <col min="58" max="256" width="2.33203125" style="36" hidden="1"/>
    <col min="257" max="257" width="3.21875" style="36" customWidth="1"/>
    <col min="258" max="284" width="2.33203125" style="36" customWidth="1"/>
    <col min="285" max="285" width="3.21875" style="36" customWidth="1"/>
    <col min="286" max="313" width="2.33203125" style="36" customWidth="1"/>
    <col min="314" max="512" width="2.33203125" style="36" hidden="1"/>
    <col min="513" max="513" width="3.21875" style="36" customWidth="1"/>
    <col min="514" max="540" width="2.33203125" style="36" customWidth="1"/>
    <col min="541" max="541" width="3.21875" style="36" customWidth="1"/>
    <col min="542" max="569" width="2.33203125" style="36" customWidth="1"/>
    <col min="570" max="768" width="2.33203125" style="36" hidden="1"/>
    <col min="769" max="769" width="3.21875" style="36" customWidth="1"/>
    <col min="770" max="796" width="2.33203125" style="36" customWidth="1"/>
    <col min="797" max="797" width="3.21875" style="36" customWidth="1"/>
    <col min="798" max="825" width="2.33203125" style="36" customWidth="1"/>
    <col min="826" max="1024" width="2.33203125" style="36" hidden="1"/>
    <col min="1025" max="1025" width="3.21875" style="36" customWidth="1"/>
    <col min="1026" max="1052" width="2.33203125" style="36" customWidth="1"/>
    <col min="1053" max="1053" width="3.21875" style="36" customWidth="1"/>
    <col min="1054" max="1081" width="2.33203125" style="36" customWidth="1"/>
    <col min="1082" max="1280" width="2.33203125" style="36" hidden="1"/>
    <col min="1281" max="1281" width="3.21875" style="36" customWidth="1"/>
    <col min="1282" max="1308" width="2.33203125" style="36" customWidth="1"/>
    <col min="1309" max="1309" width="3.21875" style="36" customWidth="1"/>
    <col min="1310" max="1337" width="2.33203125" style="36" customWidth="1"/>
    <col min="1338" max="1536" width="2.33203125" style="36" hidden="1"/>
    <col min="1537" max="1537" width="3.21875" style="36" customWidth="1"/>
    <col min="1538" max="1564" width="2.33203125" style="36" customWidth="1"/>
    <col min="1565" max="1565" width="3.21875" style="36" customWidth="1"/>
    <col min="1566" max="1593" width="2.33203125" style="36" customWidth="1"/>
    <col min="1594" max="1792" width="2.33203125" style="36" hidden="1"/>
    <col min="1793" max="1793" width="3.21875" style="36" customWidth="1"/>
    <col min="1794" max="1820" width="2.33203125" style="36" customWidth="1"/>
    <col min="1821" max="1821" width="3.21875" style="36" customWidth="1"/>
    <col min="1822" max="1849" width="2.33203125" style="36" customWidth="1"/>
    <col min="1850" max="2048" width="2.33203125" style="36" hidden="1"/>
    <col min="2049" max="2049" width="3.21875" style="36" customWidth="1"/>
    <col min="2050" max="2076" width="2.33203125" style="36" customWidth="1"/>
    <col min="2077" max="2077" width="3.21875" style="36" customWidth="1"/>
    <col min="2078" max="2105" width="2.33203125" style="36" customWidth="1"/>
    <col min="2106" max="2304" width="2.33203125" style="36" hidden="1"/>
    <col min="2305" max="2305" width="3.21875" style="36" customWidth="1"/>
    <col min="2306" max="2332" width="2.33203125" style="36" customWidth="1"/>
    <col min="2333" max="2333" width="3.21875" style="36" customWidth="1"/>
    <col min="2334" max="2361" width="2.33203125" style="36" customWidth="1"/>
    <col min="2362" max="2560" width="2.33203125" style="36" hidden="1"/>
    <col min="2561" max="2561" width="3.21875" style="36" customWidth="1"/>
    <col min="2562" max="2588" width="2.33203125" style="36" customWidth="1"/>
    <col min="2589" max="2589" width="3.21875" style="36" customWidth="1"/>
    <col min="2590" max="2617" width="2.33203125" style="36" customWidth="1"/>
    <col min="2618" max="2816" width="2.33203125" style="36" hidden="1"/>
    <col min="2817" max="2817" width="3.21875" style="36" customWidth="1"/>
    <col min="2818" max="2844" width="2.33203125" style="36" customWidth="1"/>
    <col min="2845" max="2845" width="3.21875" style="36" customWidth="1"/>
    <col min="2846" max="2873" width="2.33203125" style="36" customWidth="1"/>
    <col min="2874" max="3072" width="2.33203125" style="36" hidden="1"/>
    <col min="3073" max="3073" width="3.21875" style="36" customWidth="1"/>
    <col min="3074" max="3100" width="2.33203125" style="36" customWidth="1"/>
    <col min="3101" max="3101" width="3.21875" style="36" customWidth="1"/>
    <col min="3102" max="3129" width="2.33203125" style="36" customWidth="1"/>
    <col min="3130" max="3328" width="2.33203125" style="36" hidden="1"/>
    <col min="3329" max="3329" width="3.21875" style="36" customWidth="1"/>
    <col min="3330" max="3356" width="2.33203125" style="36" customWidth="1"/>
    <col min="3357" max="3357" width="3.21875" style="36" customWidth="1"/>
    <col min="3358" max="3385" width="2.33203125" style="36" customWidth="1"/>
    <col min="3386" max="3584" width="2.33203125" style="36" hidden="1"/>
    <col min="3585" max="3585" width="3.21875" style="36" customWidth="1"/>
    <col min="3586" max="3612" width="2.33203125" style="36" customWidth="1"/>
    <col min="3613" max="3613" width="3.21875" style="36" customWidth="1"/>
    <col min="3614" max="3641" width="2.33203125" style="36" customWidth="1"/>
    <col min="3642" max="3840" width="2.33203125" style="36" hidden="1"/>
    <col min="3841" max="3841" width="3.21875" style="36" customWidth="1"/>
    <col min="3842" max="3868" width="2.33203125" style="36" customWidth="1"/>
    <col min="3869" max="3869" width="3.21875" style="36" customWidth="1"/>
    <col min="3870" max="3897" width="2.33203125" style="36" customWidth="1"/>
    <col min="3898" max="4096" width="2.33203125" style="36" hidden="1"/>
    <col min="4097" max="4097" width="3.21875" style="36" customWidth="1"/>
    <col min="4098" max="4124" width="2.33203125" style="36" customWidth="1"/>
    <col min="4125" max="4125" width="3.21875" style="36" customWidth="1"/>
    <col min="4126" max="4153" width="2.33203125" style="36" customWidth="1"/>
    <col min="4154" max="4352" width="2.33203125" style="36" hidden="1"/>
    <col min="4353" max="4353" width="3.21875" style="36" customWidth="1"/>
    <col min="4354" max="4380" width="2.33203125" style="36" customWidth="1"/>
    <col min="4381" max="4381" width="3.21875" style="36" customWidth="1"/>
    <col min="4382" max="4409" width="2.33203125" style="36" customWidth="1"/>
    <col min="4410" max="4608" width="2.33203125" style="36" hidden="1"/>
    <col min="4609" max="4609" width="3.21875" style="36" customWidth="1"/>
    <col min="4610" max="4636" width="2.33203125" style="36" customWidth="1"/>
    <col min="4637" max="4637" width="3.21875" style="36" customWidth="1"/>
    <col min="4638" max="4665" width="2.33203125" style="36" customWidth="1"/>
    <col min="4666" max="4864" width="2.33203125" style="36" hidden="1"/>
    <col min="4865" max="4865" width="3.21875" style="36" customWidth="1"/>
    <col min="4866" max="4892" width="2.33203125" style="36" customWidth="1"/>
    <col min="4893" max="4893" width="3.21875" style="36" customWidth="1"/>
    <col min="4894" max="4921" width="2.33203125" style="36" customWidth="1"/>
    <col min="4922" max="5120" width="2.33203125" style="36" hidden="1"/>
    <col min="5121" max="5121" width="3.21875" style="36" customWidth="1"/>
    <col min="5122" max="5148" width="2.33203125" style="36" customWidth="1"/>
    <col min="5149" max="5149" width="3.21875" style="36" customWidth="1"/>
    <col min="5150" max="5177" width="2.33203125" style="36" customWidth="1"/>
    <col min="5178" max="5376" width="2.33203125" style="36" hidden="1"/>
    <col min="5377" max="5377" width="3.21875" style="36" customWidth="1"/>
    <col min="5378" max="5404" width="2.33203125" style="36" customWidth="1"/>
    <col min="5405" max="5405" width="3.21875" style="36" customWidth="1"/>
    <col min="5406" max="5433" width="2.33203125" style="36" customWidth="1"/>
    <col min="5434" max="5632" width="2.33203125" style="36" hidden="1"/>
    <col min="5633" max="5633" width="3.21875" style="36" customWidth="1"/>
    <col min="5634" max="5660" width="2.33203125" style="36" customWidth="1"/>
    <col min="5661" max="5661" width="3.21875" style="36" customWidth="1"/>
    <col min="5662" max="5689" width="2.33203125" style="36" customWidth="1"/>
    <col min="5690" max="5888" width="2.33203125" style="36" hidden="1"/>
    <col min="5889" max="5889" width="3.21875" style="36" customWidth="1"/>
    <col min="5890" max="5916" width="2.33203125" style="36" customWidth="1"/>
    <col min="5917" max="5917" width="3.21875" style="36" customWidth="1"/>
    <col min="5918" max="5945" width="2.33203125" style="36" customWidth="1"/>
    <col min="5946" max="6144" width="2.33203125" style="36" hidden="1"/>
    <col min="6145" max="6145" width="3.21875" style="36" customWidth="1"/>
    <col min="6146" max="6172" width="2.33203125" style="36" customWidth="1"/>
    <col min="6173" max="6173" width="3.21875" style="36" customWidth="1"/>
    <col min="6174" max="6201" width="2.33203125" style="36" customWidth="1"/>
    <col min="6202" max="6400" width="2.33203125" style="36" hidden="1"/>
    <col min="6401" max="6401" width="3.21875" style="36" customWidth="1"/>
    <col min="6402" max="6428" width="2.33203125" style="36" customWidth="1"/>
    <col min="6429" max="6429" width="3.21875" style="36" customWidth="1"/>
    <col min="6430" max="6457" width="2.33203125" style="36" customWidth="1"/>
    <col min="6458" max="6656" width="2.33203125" style="36" hidden="1"/>
    <col min="6657" max="6657" width="3.21875" style="36" customWidth="1"/>
    <col min="6658" max="6684" width="2.33203125" style="36" customWidth="1"/>
    <col min="6685" max="6685" width="3.21875" style="36" customWidth="1"/>
    <col min="6686" max="6713" width="2.33203125" style="36" customWidth="1"/>
    <col min="6714" max="6912" width="2.33203125" style="36" hidden="1"/>
    <col min="6913" max="6913" width="3.21875" style="36" customWidth="1"/>
    <col min="6914" max="6940" width="2.33203125" style="36" customWidth="1"/>
    <col min="6941" max="6941" width="3.21875" style="36" customWidth="1"/>
    <col min="6942" max="6969" width="2.33203125" style="36" customWidth="1"/>
    <col min="6970" max="7168" width="2.33203125" style="36" hidden="1"/>
    <col min="7169" max="7169" width="3.21875" style="36" customWidth="1"/>
    <col min="7170" max="7196" width="2.33203125" style="36" customWidth="1"/>
    <col min="7197" max="7197" width="3.21875" style="36" customWidth="1"/>
    <col min="7198" max="7225" width="2.33203125" style="36" customWidth="1"/>
    <col min="7226" max="7424" width="2.33203125" style="36" hidden="1"/>
    <col min="7425" max="7425" width="3.21875" style="36" customWidth="1"/>
    <col min="7426" max="7452" width="2.33203125" style="36" customWidth="1"/>
    <col min="7453" max="7453" width="3.21875" style="36" customWidth="1"/>
    <col min="7454" max="7481" width="2.33203125" style="36" customWidth="1"/>
    <col min="7482" max="7680" width="2.33203125" style="36" hidden="1"/>
    <col min="7681" max="7681" width="3.21875" style="36" customWidth="1"/>
    <col min="7682" max="7708" width="2.33203125" style="36" customWidth="1"/>
    <col min="7709" max="7709" width="3.21875" style="36" customWidth="1"/>
    <col min="7710" max="7737" width="2.33203125" style="36" customWidth="1"/>
    <col min="7738" max="7936" width="2.33203125" style="36" hidden="1"/>
    <col min="7937" max="7937" width="3.21875" style="36" customWidth="1"/>
    <col min="7938" max="7964" width="2.33203125" style="36" customWidth="1"/>
    <col min="7965" max="7965" width="3.21875" style="36" customWidth="1"/>
    <col min="7966" max="7993" width="2.33203125" style="36" customWidth="1"/>
    <col min="7994" max="8192" width="2.33203125" style="36" hidden="1"/>
    <col min="8193" max="8193" width="3.21875" style="36" customWidth="1"/>
    <col min="8194" max="8220" width="2.33203125" style="36" customWidth="1"/>
    <col min="8221" max="8221" width="3.21875" style="36" customWidth="1"/>
    <col min="8222" max="8249" width="2.33203125" style="36" customWidth="1"/>
    <col min="8250" max="8448" width="2.33203125" style="36" hidden="1"/>
    <col min="8449" max="8449" width="3.21875" style="36" customWidth="1"/>
    <col min="8450" max="8476" width="2.33203125" style="36" customWidth="1"/>
    <col min="8477" max="8477" width="3.21875" style="36" customWidth="1"/>
    <col min="8478" max="8505" width="2.33203125" style="36" customWidth="1"/>
    <col min="8506" max="8704" width="2.33203125" style="36" hidden="1"/>
    <col min="8705" max="8705" width="3.21875" style="36" customWidth="1"/>
    <col min="8706" max="8732" width="2.33203125" style="36" customWidth="1"/>
    <col min="8733" max="8733" width="3.21875" style="36" customWidth="1"/>
    <col min="8734" max="8761" width="2.33203125" style="36" customWidth="1"/>
    <col min="8762" max="8960" width="2.33203125" style="36" hidden="1"/>
    <col min="8961" max="8961" width="3.21875" style="36" customWidth="1"/>
    <col min="8962" max="8988" width="2.33203125" style="36" customWidth="1"/>
    <col min="8989" max="8989" width="3.21875" style="36" customWidth="1"/>
    <col min="8990" max="9017" width="2.33203125" style="36" customWidth="1"/>
    <col min="9018" max="9216" width="2.33203125" style="36" hidden="1"/>
    <col min="9217" max="9217" width="3.21875" style="36" customWidth="1"/>
    <col min="9218" max="9244" width="2.33203125" style="36" customWidth="1"/>
    <col min="9245" max="9245" width="3.21875" style="36" customWidth="1"/>
    <col min="9246" max="9273" width="2.33203125" style="36" customWidth="1"/>
    <col min="9274" max="9472" width="2.33203125" style="36" hidden="1"/>
    <col min="9473" max="9473" width="3.21875" style="36" customWidth="1"/>
    <col min="9474" max="9500" width="2.33203125" style="36" customWidth="1"/>
    <col min="9501" max="9501" width="3.21875" style="36" customWidth="1"/>
    <col min="9502" max="9529" width="2.33203125" style="36" customWidth="1"/>
    <col min="9530" max="9728" width="2.33203125" style="36" hidden="1"/>
    <col min="9729" max="9729" width="3.21875" style="36" customWidth="1"/>
    <col min="9730" max="9756" width="2.33203125" style="36" customWidth="1"/>
    <col min="9757" max="9757" width="3.21875" style="36" customWidth="1"/>
    <col min="9758" max="9785" width="2.33203125" style="36" customWidth="1"/>
    <col min="9786" max="9984" width="2.33203125" style="36" hidden="1"/>
    <col min="9985" max="9985" width="3.21875" style="36" customWidth="1"/>
    <col min="9986" max="10012" width="2.33203125" style="36" customWidth="1"/>
    <col min="10013" max="10013" width="3.21875" style="36" customWidth="1"/>
    <col min="10014" max="10041" width="2.33203125" style="36" customWidth="1"/>
    <col min="10042" max="10240" width="2.33203125" style="36" hidden="1"/>
    <col min="10241" max="10241" width="3.21875" style="36" customWidth="1"/>
    <col min="10242" max="10268" width="2.33203125" style="36" customWidth="1"/>
    <col min="10269" max="10269" width="3.21875" style="36" customWidth="1"/>
    <col min="10270" max="10297" width="2.33203125" style="36" customWidth="1"/>
    <col min="10298" max="10496" width="2.33203125" style="36" hidden="1"/>
    <col min="10497" max="10497" width="3.21875" style="36" customWidth="1"/>
    <col min="10498" max="10524" width="2.33203125" style="36" customWidth="1"/>
    <col min="10525" max="10525" width="3.21875" style="36" customWidth="1"/>
    <col min="10526" max="10553" width="2.33203125" style="36" customWidth="1"/>
    <col min="10554" max="10752" width="2.33203125" style="36" hidden="1"/>
    <col min="10753" max="10753" width="3.21875" style="36" customWidth="1"/>
    <col min="10754" max="10780" width="2.33203125" style="36" customWidth="1"/>
    <col min="10781" max="10781" width="3.21875" style="36" customWidth="1"/>
    <col min="10782" max="10809" width="2.33203125" style="36" customWidth="1"/>
    <col min="10810" max="11008" width="2.33203125" style="36" hidden="1"/>
    <col min="11009" max="11009" width="3.21875" style="36" customWidth="1"/>
    <col min="11010" max="11036" width="2.33203125" style="36" customWidth="1"/>
    <col min="11037" max="11037" width="3.21875" style="36" customWidth="1"/>
    <col min="11038" max="11065" width="2.33203125" style="36" customWidth="1"/>
    <col min="11066" max="11264" width="2.33203125" style="36" hidden="1"/>
    <col min="11265" max="11265" width="3.21875" style="36" customWidth="1"/>
    <col min="11266" max="11292" width="2.33203125" style="36" customWidth="1"/>
    <col min="11293" max="11293" width="3.21875" style="36" customWidth="1"/>
    <col min="11294" max="11321" width="2.33203125" style="36" customWidth="1"/>
    <col min="11322" max="11520" width="2.33203125" style="36" hidden="1"/>
    <col min="11521" max="11521" width="3.21875" style="36" customWidth="1"/>
    <col min="11522" max="11548" width="2.33203125" style="36" customWidth="1"/>
    <col min="11549" max="11549" width="3.21875" style="36" customWidth="1"/>
    <col min="11550" max="11577" width="2.33203125" style="36" customWidth="1"/>
    <col min="11578" max="11776" width="2.33203125" style="36" hidden="1"/>
    <col min="11777" max="11777" width="3.21875" style="36" customWidth="1"/>
    <col min="11778" max="11804" width="2.33203125" style="36" customWidth="1"/>
    <col min="11805" max="11805" width="3.21875" style="36" customWidth="1"/>
    <col min="11806" max="11833" width="2.33203125" style="36" customWidth="1"/>
    <col min="11834" max="12032" width="2.33203125" style="36" hidden="1"/>
    <col min="12033" max="12033" width="3.21875" style="36" customWidth="1"/>
    <col min="12034" max="12060" width="2.33203125" style="36" customWidth="1"/>
    <col min="12061" max="12061" width="3.21875" style="36" customWidth="1"/>
    <col min="12062" max="12089" width="2.33203125" style="36" customWidth="1"/>
    <col min="12090" max="12288" width="2.33203125" style="36" hidden="1"/>
    <col min="12289" max="12289" width="3.21875" style="36" customWidth="1"/>
    <col min="12290" max="12316" width="2.33203125" style="36" customWidth="1"/>
    <col min="12317" max="12317" width="3.21875" style="36" customWidth="1"/>
    <col min="12318" max="12345" width="2.33203125" style="36" customWidth="1"/>
    <col min="12346" max="12544" width="2.33203125" style="36" hidden="1"/>
    <col min="12545" max="12545" width="3.21875" style="36" customWidth="1"/>
    <col min="12546" max="12572" width="2.33203125" style="36" customWidth="1"/>
    <col min="12573" max="12573" width="3.21875" style="36" customWidth="1"/>
    <col min="12574" max="12601" width="2.33203125" style="36" customWidth="1"/>
    <col min="12602" max="12800" width="2.33203125" style="36" hidden="1"/>
    <col min="12801" max="12801" width="3.21875" style="36" customWidth="1"/>
    <col min="12802" max="12828" width="2.33203125" style="36" customWidth="1"/>
    <col min="12829" max="12829" width="3.21875" style="36" customWidth="1"/>
    <col min="12830" max="12857" width="2.33203125" style="36" customWidth="1"/>
    <col min="12858" max="13056" width="2.33203125" style="36" hidden="1"/>
    <col min="13057" max="13057" width="3.21875" style="36" customWidth="1"/>
    <col min="13058" max="13084" width="2.33203125" style="36" customWidth="1"/>
    <col min="13085" max="13085" width="3.21875" style="36" customWidth="1"/>
    <col min="13086" max="13113" width="2.33203125" style="36" customWidth="1"/>
    <col min="13114" max="13312" width="2.33203125" style="36" hidden="1"/>
    <col min="13313" max="13313" width="3.21875" style="36" customWidth="1"/>
    <col min="13314" max="13340" width="2.33203125" style="36" customWidth="1"/>
    <col min="13341" max="13341" width="3.21875" style="36" customWidth="1"/>
    <col min="13342" max="13369" width="2.33203125" style="36" customWidth="1"/>
    <col min="13370" max="13568" width="2.33203125" style="36" hidden="1"/>
    <col min="13569" max="13569" width="3.21875" style="36" customWidth="1"/>
    <col min="13570" max="13596" width="2.33203125" style="36" customWidth="1"/>
    <col min="13597" max="13597" width="3.21875" style="36" customWidth="1"/>
    <col min="13598" max="13625" width="2.33203125" style="36" customWidth="1"/>
    <col min="13626" max="13824" width="2.33203125" style="36" hidden="1"/>
    <col min="13825" max="13825" width="3.21875" style="36" customWidth="1"/>
    <col min="13826" max="13852" width="2.33203125" style="36" customWidth="1"/>
    <col min="13853" max="13853" width="3.21875" style="36" customWidth="1"/>
    <col min="13854" max="13881" width="2.33203125" style="36" customWidth="1"/>
    <col min="13882" max="14080" width="2.33203125" style="36" hidden="1"/>
    <col min="14081" max="14081" width="3.21875" style="36" customWidth="1"/>
    <col min="14082" max="14108" width="2.33203125" style="36" customWidth="1"/>
    <col min="14109" max="14109" width="3.21875" style="36" customWidth="1"/>
    <col min="14110" max="14137" width="2.33203125" style="36" customWidth="1"/>
    <col min="14138" max="14336" width="2.33203125" style="36" hidden="1"/>
    <col min="14337" max="14337" width="3.21875" style="36" customWidth="1"/>
    <col min="14338" max="14364" width="2.33203125" style="36" customWidth="1"/>
    <col min="14365" max="14365" width="3.21875" style="36" customWidth="1"/>
    <col min="14366" max="14393" width="2.33203125" style="36" customWidth="1"/>
    <col min="14394" max="14592" width="2.33203125" style="36" hidden="1"/>
    <col min="14593" max="14593" width="3.21875" style="36" customWidth="1"/>
    <col min="14594" max="14620" width="2.33203125" style="36" customWidth="1"/>
    <col min="14621" max="14621" width="3.21875" style="36" customWidth="1"/>
    <col min="14622" max="14649" width="2.33203125" style="36" customWidth="1"/>
    <col min="14650" max="14848" width="2.33203125" style="36" hidden="1"/>
    <col min="14849" max="14849" width="3.21875" style="36" customWidth="1"/>
    <col min="14850" max="14876" width="2.33203125" style="36" customWidth="1"/>
    <col min="14877" max="14877" width="3.21875" style="36" customWidth="1"/>
    <col min="14878" max="14905" width="2.33203125" style="36" customWidth="1"/>
    <col min="14906" max="15104" width="2.33203125" style="36" hidden="1"/>
    <col min="15105" max="15105" width="3.21875" style="36" customWidth="1"/>
    <col min="15106" max="15132" width="2.33203125" style="36" customWidth="1"/>
    <col min="15133" max="15133" width="3.21875" style="36" customWidth="1"/>
    <col min="15134" max="15161" width="2.33203125" style="36" customWidth="1"/>
    <col min="15162" max="15360" width="2.33203125" style="36" hidden="1"/>
    <col min="15361" max="15361" width="3.21875" style="36" customWidth="1"/>
    <col min="15362" max="15388" width="2.33203125" style="36" customWidth="1"/>
    <col min="15389" max="15389" width="3.21875" style="36" customWidth="1"/>
    <col min="15390" max="15417" width="2.33203125" style="36" customWidth="1"/>
    <col min="15418" max="15616" width="2.33203125" style="36" hidden="1"/>
    <col min="15617" max="15617" width="3.21875" style="36" customWidth="1"/>
    <col min="15618" max="15644" width="2.33203125" style="36" customWidth="1"/>
    <col min="15645" max="15645" width="3.21875" style="36" customWidth="1"/>
    <col min="15646" max="15673" width="2.33203125" style="36" customWidth="1"/>
    <col min="15674" max="15872" width="2.33203125" style="36" hidden="1"/>
    <col min="15873" max="15873" width="3.21875" style="36" customWidth="1"/>
    <col min="15874" max="15900" width="2.33203125" style="36" customWidth="1"/>
    <col min="15901" max="15901" width="3.21875" style="36" customWidth="1"/>
    <col min="15902" max="15929" width="2.33203125" style="36" customWidth="1"/>
    <col min="15930" max="16128" width="2.33203125" style="36" hidden="1"/>
    <col min="16129" max="16129" width="3.21875" style="36" customWidth="1"/>
    <col min="16130" max="16156" width="2.33203125" style="36" customWidth="1"/>
    <col min="16157" max="16157" width="3.21875" style="36" customWidth="1"/>
    <col min="16158" max="16185" width="2.33203125" style="36" customWidth="1"/>
    <col min="16186" max="16384" width="2.33203125" style="36" hidden="1"/>
  </cols>
  <sheetData>
    <row r="1" spans="1:56" ht="18" customHeight="1" x14ac:dyDescent="0.2">
      <c r="A1" s="59" t="s">
        <v>26</v>
      </c>
      <c r="G1" s="35" t="s">
        <v>1</v>
      </c>
      <c r="J1" s="129">
        <v>5000000</v>
      </c>
      <c r="K1" s="129"/>
      <c r="L1" s="129"/>
      <c r="M1" s="129"/>
      <c r="Q1" s="35" t="s">
        <v>142</v>
      </c>
    </row>
    <row r="2" spans="1:56" s="40" customFormat="1" ht="18" customHeight="1" x14ac:dyDescent="0.2">
      <c r="A2" s="37">
        <v>1</v>
      </c>
      <c r="B2" s="38"/>
      <c r="C2" s="38"/>
      <c r="D2" s="38"/>
      <c r="E2" s="38"/>
      <c r="F2" s="38"/>
      <c r="G2" s="38"/>
      <c r="H2" s="38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38"/>
      <c r="W2" s="38"/>
      <c r="X2" s="38"/>
      <c r="Y2" s="38"/>
      <c r="Z2" s="38"/>
      <c r="AA2" s="38"/>
      <c r="AB2" s="38"/>
      <c r="AC2" s="37">
        <f>A2+1</f>
        <v>2</v>
      </c>
      <c r="AD2" s="38"/>
      <c r="AE2" s="38"/>
      <c r="AF2" s="38"/>
      <c r="AG2" s="38"/>
      <c r="AH2" s="38"/>
      <c r="AI2" s="38"/>
      <c r="AJ2" s="38"/>
      <c r="AK2" s="38"/>
      <c r="AL2" s="38"/>
      <c r="AM2" s="38"/>
      <c r="AN2" s="38"/>
      <c r="AO2" s="38"/>
      <c r="AP2" s="38"/>
      <c r="AQ2" s="38"/>
      <c r="AR2" s="38"/>
      <c r="AS2" s="38"/>
      <c r="AT2" s="38"/>
      <c r="AU2" s="38"/>
      <c r="AV2" s="38"/>
      <c r="AW2" s="38"/>
      <c r="AX2" s="38"/>
      <c r="AY2" s="38"/>
      <c r="AZ2" s="38"/>
      <c r="BA2" s="38"/>
      <c r="BB2" s="38"/>
      <c r="BC2" s="38"/>
      <c r="BD2" s="39"/>
    </row>
    <row r="3" spans="1:56" s="40" customFormat="1" ht="18" customHeight="1" x14ac:dyDescent="0.2">
      <c r="A3" s="124" t="s">
        <v>21</v>
      </c>
      <c r="B3" s="41"/>
      <c r="C3" s="41"/>
      <c r="D3" s="41"/>
      <c r="E3" s="41"/>
      <c r="F3" s="41"/>
      <c r="G3" s="41"/>
      <c r="H3" s="41"/>
      <c r="I3" s="41"/>
      <c r="J3" s="41"/>
      <c r="K3" s="41"/>
      <c r="L3" s="41"/>
      <c r="M3" s="41"/>
      <c r="N3" s="41"/>
      <c r="O3" s="41"/>
      <c r="P3" s="41"/>
      <c r="Q3" s="41"/>
      <c r="R3" s="41"/>
      <c r="S3" s="41"/>
      <c r="T3" s="41"/>
      <c r="U3" s="41"/>
      <c r="V3" s="41"/>
      <c r="W3" s="41"/>
      <c r="X3" s="41"/>
      <c r="Y3" s="41"/>
      <c r="Z3" s="41"/>
      <c r="AA3" s="41"/>
      <c r="AB3" s="41"/>
      <c r="AC3" s="124" t="s">
        <v>22</v>
      </c>
      <c r="AD3" s="41"/>
      <c r="AE3" s="41"/>
      <c r="AF3" s="41"/>
      <c r="AG3" s="41"/>
      <c r="AH3" s="41"/>
      <c r="AI3" s="41"/>
      <c r="AJ3" s="41"/>
      <c r="AK3" s="41"/>
      <c r="AL3" s="41"/>
      <c r="AM3" s="41"/>
      <c r="AN3" s="41"/>
      <c r="AO3" s="41"/>
      <c r="AP3" s="41"/>
      <c r="AQ3" s="41"/>
      <c r="AR3" s="41"/>
      <c r="AS3" s="41"/>
      <c r="AT3" s="41"/>
      <c r="AU3" s="41"/>
      <c r="AV3" s="41"/>
      <c r="AW3" s="41"/>
      <c r="AX3" s="41"/>
      <c r="AY3" s="41"/>
      <c r="AZ3" s="41"/>
      <c r="BA3" s="41"/>
      <c r="BB3" s="41"/>
      <c r="BC3" s="41"/>
      <c r="BD3" s="42"/>
    </row>
    <row r="4" spans="1:56" s="40" customFormat="1" ht="18" customHeight="1" x14ac:dyDescent="0.2">
      <c r="A4" s="124"/>
      <c r="B4" s="41"/>
      <c r="C4" s="41"/>
      <c r="D4" s="41"/>
      <c r="E4" s="41"/>
      <c r="F4" s="41"/>
      <c r="G4" s="41"/>
      <c r="H4" s="41"/>
      <c r="I4" s="41"/>
      <c r="J4" s="41"/>
      <c r="K4" s="41"/>
      <c r="L4" s="41"/>
      <c r="M4" s="41"/>
      <c r="N4" s="41"/>
      <c r="O4" s="41"/>
      <c r="P4" s="41"/>
      <c r="Q4" s="41"/>
      <c r="R4" s="41"/>
      <c r="S4" s="41"/>
      <c r="T4" s="41"/>
      <c r="U4" s="41"/>
      <c r="V4" s="41"/>
      <c r="W4" s="41"/>
      <c r="X4" s="41"/>
      <c r="Y4" s="41"/>
      <c r="Z4" s="41"/>
      <c r="AA4" s="41"/>
      <c r="AB4" s="41"/>
      <c r="AC4" s="124"/>
      <c r="AD4" s="41"/>
      <c r="AE4" s="41"/>
      <c r="AF4" s="41"/>
      <c r="AG4" s="41"/>
      <c r="AH4" s="41"/>
      <c r="AI4" s="41"/>
      <c r="AJ4" s="41"/>
      <c r="AK4" s="41"/>
      <c r="AL4" s="41"/>
      <c r="AM4" s="41"/>
      <c r="AN4" s="41"/>
      <c r="AO4" s="41"/>
      <c r="AP4" s="41"/>
      <c r="AQ4" s="41"/>
      <c r="AR4" s="41"/>
      <c r="AS4" s="41"/>
      <c r="AT4" s="41"/>
      <c r="AU4" s="41"/>
      <c r="AV4" s="41"/>
      <c r="AW4" s="41"/>
      <c r="AX4" s="41"/>
      <c r="AY4" s="41"/>
      <c r="AZ4" s="41"/>
      <c r="BA4" s="41"/>
      <c r="BB4" s="41"/>
      <c r="BC4" s="41"/>
      <c r="BD4" s="42"/>
    </row>
    <row r="5" spans="1:56" s="40" customFormat="1" ht="18" customHeight="1" x14ac:dyDescent="0.2">
      <c r="A5" s="124"/>
      <c r="B5" s="41"/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  <c r="T5" s="41"/>
      <c r="U5" s="41"/>
      <c r="V5" s="41"/>
      <c r="W5" s="41"/>
      <c r="X5" s="41"/>
      <c r="Y5" s="41"/>
      <c r="Z5" s="41"/>
      <c r="AA5" s="41"/>
      <c r="AB5" s="41"/>
      <c r="AC5" s="124"/>
      <c r="AD5" s="41"/>
      <c r="AE5" s="41"/>
      <c r="AF5" s="41"/>
      <c r="AG5" s="41"/>
      <c r="AH5" s="41"/>
      <c r="AI5" s="41"/>
      <c r="AJ5" s="41"/>
      <c r="AK5" s="41"/>
      <c r="AL5" s="41"/>
      <c r="AM5" s="41"/>
      <c r="AN5" s="41"/>
      <c r="AO5" s="41"/>
      <c r="AP5" s="41"/>
      <c r="AQ5" s="41"/>
      <c r="AR5" s="41"/>
      <c r="AS5" s="41"/>
      <c r="AT5" s="41"/>
      <c r="AU5" s="41"/>
      <c r="AV5" s="41"/>
      <c r="AW5" s="41"/>
      <c r="AX5" s="41"/>
      <c r="AY5" s="41"/>
      <c r="AZ5" s="41"/>
      <c r="BA5" s="41"/>
      <c r="BB5" s="41"/>
      <c r="BC5" s="41"/>
      <c r="BD5" s="42"/>
    </row>
    <row r="6" spans="1:56" s="40" customFormat="1" ht="18" customHeight="1" x14ac:dyDescent="0.2">
      <c r="A6" s="124"/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  <c r="P6" s="41"/>
      <c r="Q6" s="41"/>
      <c r="R6" s="41"/>
      <c r="S6" s="41"/>
      <c r="T6" s="41"/>
      <c r="U6" s="41"/>
      <c r="V6" s="41"/>
      <c r="W6" s="41"/>
      <c r="X6" s="41"/>
      <c r="Y6" s="41"/>
      <c r="Z6" s="41"/>
      <c r="AA6" s="41"/>
      <c r="AB6" s="41"/>
      <c r="AC6" s="124"/>
      <c r="AD6" s="41"/>
      <c r="AE6" s="41"/>
      <c r="AF6" s="41"/>
      <c r="AG6" s="41"/>
      <c r="AH6" s="41"/>
      <c r="AI6" s="41"/>
      <c r="AJ6" s="41"/>
      <c r="AK6" s="41"/>
      <c r="AL6" s="41"/>
      <c r="AM6" s="41"/>
      <c r="AN6" s="41"/>
      <c r="AO6" s="41"/>
      <c r="AP6" s="41"/>
      <c r="AQ6" s="41"/>
      <c r="AR6" s="41"/>
      <c r="AS6" s="41"/>
      <c r="AT6" s="41"/>
      <c r="AU6" s="41"/>
      <c r="AV6" s="41"/>
      <c r="AW6" s="41"/>
      <c r="AX6" s="41"/>
      <c r="AY6" s="41"/>
      <c r="AZ6" s="41"/>
      <c r="BA6" s="41"/>
      <c r="BB6" s="41"/>
      <c r="BC6" s="41"/>
      <c r="BD6" s="42"/>
    </row>
    <row r="7" spans="1:56" s="40" customFormat="1" ht="18" customHeight="1" x14ac:dyDescent="0.2">
      <c r="A7" s="124"/>
      <c r="B7" s="41"/>
      <c r="C7" s="41"/>
      <c r="D7" s="41"/>
      <c r="E7" s="41"/>
      <c r="F7" s="41"/>
      <c r="G7" s="41"/>
      <c r="H7" s="41"/>
      <c r="I7" s="41"/>
      <c r="J7" s="41"/>
      <c r="K7" s="41"/>
      <c r="L7" s="41"/>
      <c r="M7" s="41"/>
      <c r="N7" s="41"/>
      <c r="O7" s="41"/>
      <c r="P7" s="41"/>
      <c r="Q7" s="41"/>
      <c r="R7" s="41"/>
      <c r="S7" s="41"/>
      <c r="T7" s="41"/>
      <c r="U7" s="41"/>
      <c r="V7" s="41"/>
      <c r="W7" s="41"/>
      <c r="X7" s="41"/>
      <c r="Y7" s="41"/>
      <c r="Z7" s="41"/>
      <c r="AA7" s="41"/>
      <c r="AB7" s="41"/>
      <c r="AC7" s="124"/>
      <c r="AD7" s="41"/>
      <c r="AE7" s="41"/>
      <c r="AF7" s="41"/>
      <c r="AG7" s="41"/>
      <c r="AH7" s="41"/>
      <c r="AI7" s="41"/>
      <c r="AJ7" s="41"/>
      <c r="AK7" s="41"/>
      <c r="AL7" s="41"/>
      <c r="AM7" s="41"/>
      <c r="AN7" s="41"/>
      <c r="AO7" s="41"/>
      <c r="AP7" s="41"/>
      <c r="AQ7" s="41"/>
      <c r="AR7" s="41"/>
      <c r="AS7" s="41"/>
      <c r="AT7" s="41"/>
      <c r="AU7" s="41"/>
      <c r="AV7" s="41"/>
      <c r="AW7" s="41"/>
      <c r="AX7" s="41"/>
      <c r="AY7" s="41"/>
      <c r="AZ7" s="41"/>
      <c r="BA7" s="41"/>
      <c r="BB7" s="41"/>
      <c r="BC7" s="41"/>
      <c r="BD7" s="42"/>
    </row>
    <row r="8" spans="1:56" s="40" customFormat="1" ht="18" customHeight="1" x14ac:dyDescent="0.2">
      <c r="A8" s="124"/>
      <c r="B8" s="41"/>
      <c r="C8" s="126" t="str">
        <f>A3</f>
        <v>施工前の現場全景</v>
      </c>
      <c r="D8" s="126"/>
      <c r="E8" s="126"/>
      <c r="F8" s="126"/>
      <c r="G8" s="126"/>
      <c r="H8" s="126"/>
      <c r="I8" s="126"/>
      <c r="J8" s="126"/>
      <c r="K8" s="126"/>
      <c r="L8" s="126"/>
      <c r="M8" s="126"/>
      <c r="N8" s="126"/>
      <c r="O8" s="126"/>
      <c r="P8" s="126"/>
      <c r="Q8" s="126"/>
      <c r="R8" s="126"/>
      <c r="S8" s="126"/>
      <c r="T8" s="126"/>
      <c r="U8" s="126"/>
      <c r="V8" s="126"/>
      <c r="W8" s="126"/>
      <c r="X8" s="126"/>
      <c r="Y8" s="126"/>
      <c r="Z8" s="126"/>
      <c r="AA8" s="126"/>
      <c r="AB8" s="41"/>
      <c r="AC8" s="124"/>
      <c r="AD8" s="41"/>
      <c r="AE8" s="126" t="str">
        <f>AC3</f>
        <v>施工完了後の現場全景</v>
      </c>
      <c r="AF8" s="126"/>
      <c r="AG8" s="126"/>
      <c r="AH8" s="126"/>
      <c r="AI8" s="126"/>
      <c r="AJ8" s="126"/>
      <c r="AK8" s="126"/>
      <c r="AL8" s="126"/>
      <c r="AM8" s="126"/>
      <c r="AN8" s="126"/>
      <c r="AO8" s="126"/>
      <c r="AP8" s="126"/>
      <c r="AQ8" s="126"/>
      <c r="AR8" s="126"/>
      <c r="AS8" s="126"/>
      <c r="AT8" s="126"/>
      <c r="AU8" s="126"/>
      <c r="AV8" s="126"/>
      <c r="AW8" s="126"/>
      <c r="AX8" s="126"/>
      <c r="AY8" s="126"/>
      <c r="AZ8" s="126"/>
      <c r="BA8" s="126"/>
      <c r="BB8" s="126"/>
      <c r="BC8" s="126"/>
      <c r="BD8" s="42"/>
    </row>
    <row r="9" spans="1:56" s="40" customFormat="1" ht="18" customHeight="1" x14ac:dyDescent="0.2">
      <c r="A9" s="124"/>
      <c r="B9" s="41"/>
      <c r="C9" s="41"/>
      <c r="D9" s="41"/>
      <c r="E9" s="41"/>
      <c r="F9" s="41"/>
      <c r="G9" s="41"/>
      <c r="H9" s="41"/>
      <c r="I9" s="41"/>
      <c r="J9" s="41"/>
      <c r="K9" s="41"/>
      <c r="L9" s="41"/>
      <c r="M9" s="41"/>
      <c r="N9" s="41"/>
      <c r="O9" s="41"/>
      <c r="P9" s="41"/>
      <c r="Q9" s="41"/>
      <c r="R9" s="41"/>
      <c r="S9" s="41"/>
      <c r="T9" s="41"/>
      <c r="U9" s="41"/>
      <c r="V9" s="41"/>
      <c r="W9" s="41"/>
      <c r="X9" s="41"/>
      <c r="Y9" s="41"/>
      <c r="Z9" s="41"/>
      <c r="AA9" s="41"/>
      <c r="AB9" s="41"/>
      <c r="AC9" s="124"/>
      <c r="AD9" s="41"/>
      <c r="AE9" s="41"/>
      <c r="AF9" s="41"/>
      <c r="AG9" s="41"/>
      <c r="AH9" s="41"/>
      <c r="AI9" s="41"/>
      <c r="AJ9" s="41"/>
      <c r="AK9" s="41"/>
      <c r="AL9" s="41"/>
      <c r="AM9" s="41"/>
      <c r="AN9" s="41"/>
      <c r="AO9" s="41"/>
      <c r="AP9" s="41"/>
      <c r="AQ9" s="41"/>
      <c r="AR9" s="41"/>
      <c r="AS9" s="41"/>
      <c r="AT9" s="41"/>
      <c r="AU9" s="41"/>
      <c r="AV9" s="41"/>
      <c r="AW9" s="41"/>
      <c r="AX9" s="41"/>
      <c r="AY9" s="41"/>
      <c r="AZ9" s="41"/>
      <c r="BA9" s="41"/>
      <c r="BB9" s="41"/>
      <c r="BC9" s="41"/>
      <c r="BD9" s="42"/>
    </row>
    <row r="10" spans="1:56" s="40" customFormat="1" ht="18" customHeight="1" x14ac:dyDescent="0.2">
      <c r="A10" s="124"/>
      <c r="B10" s="41"/>
      <c r="C10" s="41"/>
      <c r="D10" s="41"/>
      <c r="E10" s="41"/>
      <c r="F10" s="41"/>
      <c r="G10" s="41"/>
      <c r="H10" s="41"/>
      <c r="I10" s="41"/>
      <c r="J10" s="41"/>
      <c r="K10" s="41"/>
      <c r="L10" s="41"/>
      <c r="M10" s="41"/>
      <c r="N10" s="41"/>
      <c r="O10" s="41"/>
      <c r="P10" s="41"/>
      <c r="Q10" s="41"/>
      <c r="R10" s="41"/>
      <c r="S10" s="41"/>
      <c r="T10" s="41"/>
      <c r="U10" s="41"/>
      <c r="V10" s="41"/>
      <c r="W10" s="41"/>
      <c r="X10" s="41"/>
      <c r="Y10" s="41"/>
      <c r="Z10" s="41"/>
      <c r="AA10" s="41"/>
      <c r="AB10" s="41"/>
      <c r="AC10" s="124"/>
      <c r="AD10" s="41"/>
      <c r="AE10" s="41"/>
      <c r="AF10" s="41"/>
      <c r="AG10" s="41"/>
      <c r="AH10" s="41"/>
      <c r="AI10" s="41"/>
      <c r="AJ10" s="41"/>
      <c r="AK10" s="41"/>
      <c r="AL10" s="41"/>
      <c r="AM10" s="41"/>
      <c r="AN10" s="41"/>
      <c r="AO10" s="41"/>
      <c r="AP10" s="41"/>
      <c r="AQ10" s="41"/>
      <c r="AR10" s="41"/>
      <c r="AS10" s="41"/>
      <c r="AT10" s="41"/>
      <c r="AU10" s="41"/>
      <c r="AV10" s="41"/>
      <c r="AW10" s="41"/>
      <c r="AX10" s="41"/>
      <c r="AY10" s="41"/>
      <c r="AZ10" s="41"/>
      <c r="BA10" s="41"/>
      <c r="BB10" s="41"/>
      <c r="BC10" s="41"/>
      <c r="BD10" s="42"/>
    </row>
    <row r="11" spans="1:56" s="40" customFormat="1" ht="18" customHeight="1" x14ac:dyDescent="0.2">
      <c r="A11" s="124"/>
      <c r="B11" s="41"/>
      <c r="C11" s="41"/>
      <c r="D11" s="41"/>
      <c r="E11" s="41"/>
      <c r="F11" s="41"/>
      <c r="G11" s="41"/>
      <c r="H11" s="41"/>
      <c r="I11" s="41"/>
      <c r="J11" s="41"/>
      <c r="K11" s="41"/>
      <c r="L11" s="41"/>
      <c r="M11" s="41"/>
      <c r="N11" s="41"/>
      <c r="O11" s="41"/>
      <c r="P11" s="41"/>
      <c r="Q11" s="41"/>
      <c r="R11" s="41"/>
      <c r="S11" s="41"/>
      <c r="T11" s="41"/>
      <c r="U11" s="41"/>
      <c r="V11" s="41"/>
      <c r="W11" s="41"/>
      <c r="X11" s="41"/>
      <c r="Y11" s="41"/>
      <c r="Z11" s="41"/>
      <c r="AA11" s="41"/>
      <c r="AB11" s="41"/>
      <c r="AC11" s="124"/>
      <c r="AD11" s="41"/>
      <c r="AE11" s="41"/>
      <c r="AF11" s="41"/>
      <c r="AG11" s="41"/>
      <c r="AH11" s="41"/>
      <c r="AI11" s="41"/>
      <c r="AJ11" s="41"/>
      <c r="AK11" s="41"/>
      <c r="AL11" s="41"/>
      <c r="AM11" s="41"/>
      <c r="AN11" s="41"/>
      <c r="AO11" s="41"/>
      <c r="AP11" s="41"/>
      <c r="AQ11" s="41"/>
      <c r="AR11" s="41"/>
      <c r="AS11" s="41"/>
      <c r="AT11" s="41"/>
      <c r="AU11" s="41"/>
      <c r="AV11" s="41"/>
      <c r="AW11" s="41"/>
      <c r="AX11" s="41"/>
      <c r="AY11" s="41"/>
      <c r="AZ11" s="41"/>
      <c r="BA11" s="41"/>
      <c r="BB11" s="41"/>
      <c r="BC11" s="41"/>
      <c r="BD11" s="42"/>
    </row>
    <row r="12" spans="1:56" s="40" customFormat="1" ht="18" customHeight="1" x14ac:dyDescent="0.2">
      <c r="A12" s="124"/>
      <c r="B12" s="41"/>
      <c r="C12" s="41"/>
      <c r="D12" s="41"/>
      <c r="E12" s="41"/>
      <c r="F12" s="41"/>
      <c r="G12" s="41"/>
      <c r="H12" s="41"/>
      <c r="I12" s="41"/>
      <c r="J12" s="41"/>
      <c r="K12" s="41"/>
      <c r="L12" s="41"/>
      <c r="M12" s="41"/>
      <c r="N12" s="41"/>
      <c r="O12" s="41"/>
      <c r="P12" s="41"/>
      <c r="Q12" s="41"/>
      <c r="R12" s="41"/>
      <c r="S12" s="41"/>
      <c r="T12" s="41"/>
      <c r="U12" s="41"/>
      <c r="V12" s="41"/>
      <c r="W12" s="41"/>
      <c r="X12" s="41"/>
      <c r="Y12" s="41"/>
      <c r="Z12" s="41"/>
      <c r="AA12" s="41"/>
      <c r="AB12" s="41"/>
      <c r="AC12" s="124"/>
      <c r="AD12" s="41"/>
      <c r="AE12" s="41"/>
      <c r="AF12" s="41"/>
      <c r="AG12" s="41"/>
      <c r="AH12" s="41"/>
      <c r="AI12" s="41"/>
      <c r="AJ12" s="41"/>
      <c r="AK12" s="41"/>
      <c r="AL12" s="41"/>
      <c r="AM12" s="41"/>
      <c r="AN12" s="41"/>
      <c r="AO12" s="41"/>
      <c r="AP12" s="41"/>
      <c r="AQ12" s="41"/>
      <c r="AR12" s="41"/>
      <c r="AS12" s="41"/>
      <c r="AT12" s="41"/>
      <c r="AU12" s="41"/>
      <c r="AV12" s="41"/>
      <c r="AW12" s="41"/>
      <c r="AX12" s="41"/>
      <c r="AY12" s="41"/>
      <c r="AZ12" s="41"/>
      <c r="BA12" s="41"/>
      <c r="BB12" s="41"/>
      <c r="BC12" s="41"/>
      <c r="BD12" s="42"/>
    </row>
    <row r="13" spans="1:56" s="40" customFormat="1" ht="18" customHeight="1" x14ac:dyDescent="0.2">
      <c r="A13" s="124"/>
      <c r="B13" s="41"/>
      <c r="C13" s="41"/>
      <c r="D13" s="41"/>
      <c r="E13" s="41"/>
      <c r="F13" s="41"/>
      <c r="G13" s="41"/>
      <c r="H13" s="41"/>
      <c r="I13" s="41"/>
      <c r="J13" s="41"/>
      <c r="K13" s="41"/>
      <c r="L13" s="41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  <c r="X13" s="41"/>
      <c r="Y13" s="41"/>
      <c r="Z13" s="41"/>
      <c r="AA13" s="41"/>
      <c r="AB13" s="41"/>
      <c r="AC13" s="124"/>
      <c r="AD13" s="41"/>
      <c r="AE13" s="41"/>
      <c r="AF13" s="41"/>
      <c r="AG13" s="41"/>
      <c r="AH13" s="41"/>
      <c r="AI13" s="41"/>
      <c r="AJ13" s="41"/>
      <c r="AK13" s="41"/>
      <c r="AL13" s="41"/>
      <c r="AM13" s="41"/>
      <c r="AN13" s="41"/>
      <c r="AO13" s="41"/>
      <c r="AP13" s="41"/>
      <c r="AQ13" s="41"/>
      <c r="AR13" s="41"/>
      <c r="AS13" s="41"/>
      <c r="AT13" s="41"/>
      <c r="AU13" s="41"/>
      <c r="AV13" s="41"/>
      <c r="AW13" s="41"/>
      <c r="AX13" s="41"/>
      <c r="AY13" s="41"/>
      <c r="AZ13" s="41"/>
      <c r="BA13" s="41"/>
      <c r="BB13" s="41"/>
      <c r="BC13" s="41"/>
      <c r="BD13" s="42"/>
    </row>
    <row r="14" spans="1:56" s="40" customFormat="1" ht="18" customHeight="1" x14ac:dyDescent="0.2">
      <c r="A14" s="124"/>
      <c r="B14" s="41"/>
      <c r="C14" s="41"/>
      <c r="D14" s="41"/>
      <c r="E14" s="41"/>
      <c r="F14" s="41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41"/>
      <c r="S14" s="41"/>
      <c r="T14" s="41"/>
      <c r="U14" s="41"/>
      <c r="V14" s="41"/>
      <c r="W14" s="41"/>
      <c r="X14" s="41"/>
      <c r="Y14" s="41"/>
      <c r="Z14" s="41"/>
      <c r="AA14" s="41"/>
      <c r="AB14" s="41"/>
      <c r="AC14" s="124"/>
      <c r="AD14" s="41"/>
      <c r="AE14" s="41"/>
      <c r="AF14" s="41"/>
      <c r="AG14" s="41"/>
      <c r="AH14" s="41"/>
      <c r="AI14" s="41"/>
      <c r="AJ14" s="41"/>
      <c r="AK14" s="41"/>
      <c r="AL14" s="41"/>
      <c r="AM14" s="41"/>
      <c r="AN14" s="41"/>
      <c r="AO14" s="41"/>
      <c r="AP14" s="41"/>
      <c r="AQ14" s="41"/>
      <c r="AR14" s="41"/>
      <c r="AS14" s="41"/>
      <c r="AT14" s="41"/>
      <c r="AU14" s="41"/>
      <c r="AV14" s="41"/>
      <c r="AW14" s="41"/>
      <c r="AX14" s="41"/>
      <c r="AY14" s="41"/>
      <c r="AZ14" s="41"/>
      <c r="BA14" s="41"/>
      <c r="BB14" s="41"/>
      <c r="BC14" s="41"/>
      <c r="BD14" s="42"/>
    </row>
    <row r="15" spans="1:56" s="40" customFormat="1" ht="18" customHeight="1" x14ac:dyDescent="0.2">
      <c r="A15" s="124"/>
      <c r="B15" s="41"/>
      <c r="C15" s="41"/>
      <c r="D15" s="41"/>
      <c r="E15" s="41"/>
      <c r="F15" s="41"/>
      <c r="G15" s="41"/>
      <c r="H15" s="41"/>
      <c r="I15" s="41"/>
      <c r="J15" s="41"/>
      <c r="K15" s="41"/>
      <c r="L15" s="41"/>
      <c r="M15" s="41"/>
      <c r="N15" s="41"/>
      <c r="O15" s="41"/>
      <c r="P15" s="41"/>
      <c r="Q15" s="41"/>
      <c r="R15" s="41"/>
      <c r="S15" s="41"/>
      <c r="T15" s="41"/>
      <c r="U15" s="41"/>
      <c r="V15" s="41"/>
      <c r="W15" s="41"/>
      <c r="X15" s="41"/>
      <c r="Y15" s="41"/>
      <c r="Z15" s="41"/>
      <c r="AA15" s="41"/>
      <c r="AB15" s="41"/>
      <c r="AC15" s="124"/>
      <c r="AD15" s="41"/>
      <c r="AE15" s="41"/>
      <c r="AF15" s="41"/>
      <c r="AG15" s="41"/>
      <c r="AH15" s="41"/>
      <c r="AI15" s="41"/>
      <c r="AJ15" s="41"/>
      <c r="AK15" s="41"/>
      <c r="AL15" s="41"/>
      <c r="AM15" s="41"/>
      <c r="AN15" s="41"/>
      <c r="AO15" s="41"/>
      <c r="AP15" s="41"/>
      <c r="AQ15" s="41"/>
      <c r="AR15" s="41"/>
      <c r="AS15" s="41"/>
      <c r="AT15" s="41"/>
      <c r="AU15" s="41"/>
      <c r="AV15" s="41"/>
      <c r="AW15" s="41"/>
      <c r="AX15" s="41"/>
      <c r="AY15" s="41"/>
      <c r="AZ15" s="41"/>
      <c r="BA15" s="41"/>
      <c r="BB15" s="41"/>
      <c r="BC15" s="41"/>
      <c r="BD15" s="42"/>
    </row>
    <row r="16" spans="1:56" s="40" customFormat="1" ht="18" customHeight="1" x14ac:dyDescent="0.2">
      <c r="A16" s="37">
        <f>AC2+1</f>
        <v>3</v>
      </c>
      <c r="B16" s="38"/>
      <c r="C16" s="38"/>
      <c r="D16" s="38"/>
      <c r="E16" s="38"/>
      <c r="F16" s="38"/>
      <c r="G16" s="38"/>
      <c r="H16" s="38"/>
      <c r="I16" s="38"/>
      <c r="J16" s="38"/>
      <c r="K16" s="38"/>
      <c r="L16" s="38"/>
      <c r="M16" s="38"/>
      <c r="N16" s="38"/>
      <c r="O16" s="38"/>
      <c r="P16" s="38"/>
      <c r="Q16" s="38"/>
      <c r="R16" s="38"/>
      <c r="S16" s="38"/>
      <c r="T16" s="38"/>
      <c r="U16" s="38"/>
      <c r="V16" s="38"/>
      <c r="W16" s="38"/>
      <c r="X16" s="38"/>
      <c r="Y16" s="38"/>
      <c r="Z16" s="38"/>
      <c r="AA16" s="38"/>
      <c r="AB16" s="38"/>
      <c r="AC16" s="37">
        <f>A16+1</f>
        <v>4</v>
      </c>
      <c r="AD16" s="38"/>
      <c r="AE16" s="38"/>
      <c r="AF16" s="38"/>
      <c r="AG16" s="38"/>
      <c r="AH16" s="38"/>
      <c r="AI16" s="38"/>
      <c r="AJ16" s="38"/>
      <c r="AK16" s="38"/>
      <c r="AL16" s="38"/>
      <c r="AM16" s="38"/>
      <c r="AN16" s="38"/>
      <c r="AO16" s="38"/>
      <c r="AP16" s="38"/>
      <c r="AQ16" s="38"/>
      <c r="AR16" s="38"/>
      <c r="AS16" s="38"/>
      <c r="AT16" s="38"/>
      <c r="AU16" s="38"/>
      <c r="AV16" s="38"/>
      <c r="AW16" s="38"/>
      <c r="AX16" s="38"/>
      <c r="AY16" s="38"/>
      <c r="AZ16" s="38"/>
      <c r="BA16" s="38"/>
      <c r="BB16" s="38"/>
      <c r="BC16" s="38"/>
      <c r="BD16" s="39"/>
    </row>
    <row r="17" spans="1:56" s="40" customFormat="1" ht="18" customHeight="1" x14ac:dyDescent="0.2">
      <c r="A17" s="124" t="s">
        <v>23</v>
      </c>
      <c r="B17" s="41"/>
      <c r="C17" s="41"/>
      <c r="D17" s="41"/>
      <c r="E17" s="41"/>
      <c r="F17" s="41"/>
      <c r="G17" s="41"/>
      <c r="H17" s="41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41"/>
      <c r="U17" s="41"/>
      <c r="V17" s="41"/>
      <c r="W17" s="41"/>
      <c r="X17" s="41"/>
      <c r="Y17" s="41"/>
      <c r="Z17" s="41"/>
      <c r="AA17" s="41"/>
      <c r="AB17" s="41"/>
      <c r="AC17" s="127" t="s">
        <v>24</v>
      </c>
      <c r="AD17" s="41"/>
      <c r="AE17" s="41"/>
      <c r="AF17" s="41"/>
      <c r="AG17" s="41"/>
      <c r="AH17" s="41"/>
      <c r="AI17" s="41"/>
      <c r="AJ17" s="41"/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41"/>
      <c r="BD17" s="42"/>
    </row>
    <row r="18" spans="1:56" s="40" customFormat="1" ht="18" customHeight="1" x14ac:dyDescent="0.2">
      <c r="A18" s="124"/>
      <c r="B18" s="41"/>
      <c r="C18" s="41"/>
      <c r="D18" s="41"/>
      <c r="E18" s="41"/>
      <c r="F18" s="41"/>
      <c r="G18" s="41"/>
      <c r="H18" s="41"/>
      <c r="I18" s="41"/>
      <c r="J18" s="41"/>
      <c r="K18" s="41"/>
      <c r="L18" s="41"/>
      <c r="M18" s="41"/>
      <c r="N18" s="41"/>
      <c r="O18" s="41"/>
      <c r="P18" s="41"/>
      <c r="Q18" s="41"/>
      <c r="R18" s="41"/>
      <c r="S18" s="41"/>
      <c r="T18" s="41"/>
      <c r="U18" s="41"/>
      <c r="V18" s="41"/>
      <c r="W18" s="41"/>
      <c r="X18" s="41"/>
      <c r="Y18" s="41"/>
      <c r="Z18" s="41"/>
      <c r="AA18" s="41"/>
      <c r="AB18" s="41"/>
      <c r="AC18" s="127"/>
      <c r="AD18" s="41"/>
      <c r="AE18" s="41"/>
      <c r="AF18" s="41"/>
      <c r="AG18" s="41"/>
      <c r="AH18" s="41"/>
      <c r="AI18" s="41"/>
      <c r="AJ18" s="41"/>
      <c r="AK18" s="41"/>
      <c r="AL18" s="41"/>
      <c r="AM18" s="41"/>
      <c r="AN18" s="41"/>
      <c r="AO18" s="41"/>
      <c r="AP18" s="41"/>
      <c r="AQ18" s="41"/>
      <c r="AR18" s="41"/>
      <c r="AS18" s="41"/>
      <c r="AT18" s="41"/>
      <c r="AU18" s="41"/>
      <c r="AV18" s="41"/>
      <c r="AW18" s="41"/>
      <c r="AX18" s="41"/>
      <c r="AY18" s="41"/>
      <c r="AZ18" s="41"/>
      <c r="BA18" s="41"/>
      <c r="BB18" s="41"/>
      <c r="BC18" s="41"/>
      <c r="BD18" s="42"/>
    </row>
    <row r="19" spans="1:56" s="40" customFormat="1" ht="18" customHeight="1" x14ac:dyDescent="0.2">
      <c r="A19" s="124"/>
      <c r="B19" s="41"/>
      <c r="C19" s="41"/>
      <c r="D19" s="41"/>
      <c r="E19" s="41"/>
      <c r="F19" s="41"/>
      <c r="G19" s="41"/>
      <c r="H19" s="41"/>
      <c r="I19" s="41"/>
      <c r="J19" s="41"/>
      <c r="K19" s="41"/>
      <c r="L19" s="41"/>
      <c r="M19" s="41"/>
      <c r="N19" s="41"/>
      <c r="O19" s="41"/>
      <c r="P19" s="41"/>
      <c r="Q19" s="41"/>
      <c r="R19" s="41"/>
      <c r="S19" s="41"/>
      <c r="T19" s="41"/>
      <c r="U19" s="41"/>
      <c r="V19" s="41"/>
      <c r="W19" s="41"/>
      <c r="X19" s="41"/>
      <c r="Y19" s="41"/>
      <c r="Z19" s="41"/>
      <c r="AA19" s="41"/>
      <c r="AB19" s="41"/>
      <c r="AC19" s="127"/>
      <c r="AD19" s="41"/>
      <c r="AE19" s="41"/>
      <c r="AF19" s="41"/>
      <c r="AG19" s="41"/>
      <c r="AH19" s="41"/>
      <c r="AI19" s="41"/>
      <c r="AJ19" s="41"/>
      <c r="AK19" s="41"/>
      <c r="AL19" s="41"/>
      <c r="AM19" s="41"/>
      <c r="AN19" s="41"/>
      <c r="AO19" s="41"/>
      <c r="AP19" s="41"/>
      <c r="AQ19" s="41"/>
      <c r="AR19" s="41"/>
      <c r="AS19" s="41"/>
      <c r="AT19" s="41"/>
      <c r="AU19" s="41"/>
      <c r="AV19" s="41"/>
      <c r="AW19" s="41"/>
      <c r="AX19" s="41"/>
      <c r="AY19" s="41"/>
      <c r="AZ19" s="41"/>
      <c r="BA19" s="41"/>
      <c r="BB19" s="41"/>
      <c r="BC19" s="41"/>
      <c r="BD19" s="42"/>
    </row>
    <row r="20" spans="1:56" s="40" customFormat="1" ht="18" customHeight="1" x14ac:dyDescent="0.2">
      <c r="A20" s="124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  <c r="W20" s="41"/>
      <c r="X20" s="41"/>
      <c r="Y20" s="41"/>
      <c r="Z20" s="41"/>
      <c r="AA20" s="41"/>
      <c r="AB20" s="41"/>
      <c r="AC20" s="127"/>
      <c r="AD20" s="41"/>
      <c r="AE20" s="41"/>
      <c r="AF20" s="41"/>
      <c r="AG20" s="41"/>
      <c r="AH20" s="41"/>
      <c r="AI20" s="41"/>
      <c r="AJ20" s="41"/>
      <c r="AK20" s="41"/>
      <c r="AL20" s="41"/>
      <c r="AM20" s="41"/>
      <c r="AN20" s="41"/>
      <c r="AO20" s="41"/>
      <c r="AP20" s="41"/>
      <c r="AQ20" s="41"/>
      <c r="AR20" s="41"/>
      <c r="AS20" s="41"/>
      <c r="AT20" s="41"/>
      <c r="AU20" s="41"/>
      <c r="AV20" s="41"/>
      <c r="AW20" s="41"/>
      <c r="AX20" s="41"/>
      <c r="AY20" s="41"/>
      <c r="AZ20" s="41"/>
      <c r="BA20" s="41"/>
      <c r="BB20" s="41"/>
      <c r="BC20" s="41"/>
      <c r="BD20" s="42"/>
    </row>
    <row r="21" spans="1:56" s="40" customFormat="1" ht="18" customHeight="1" x14ac:dyDescent="0.2">
      <c r="A21" s="124"/>
      <c r="B21" s="41"/>
      <c r="C21" s="41"/>
      <c r="D21" s="41"/>
      <c r="E21" s="41"/>
      <c r="F21" s="41"/>
      <c r="G21" s="41"/>
      <c r="H21" s="41"/>
      <c r="I21" s="41"/>
      <c r="J21" s="41"/>
      <c r="K21" s="41"/>
      <c r="L21" s="41"/>
      <c r="M21" s="41"/>
      <c r="N21" s="41"/>
      <c r="O21" s="41"/>
      <c r="P21" s="41"/>
      <c r="Q21" s="41"/>
      <c r="R21" s="41"/>
      <c r="S21" s="41"/>
      <c r="T21" s="41"/>
      <c r="U21" s="41"/>
      <c r="V21" s="41"/>
      <c r="W21" s="41"/>
      <c r="X21" s="41"/>
      <c r="Y21" s="41"/>
      <c r="Z21" s="41"/>
      <c r="AA21" s="41"/>
      <c r="AB21" s="41"/>
      <c r="AC21" s="127"/>
      <c r="AD21" s="41"/>
      <c r="AE21" s="41"/>
      <c r="AF21" s="41"/>
      <c r="AG21" s="41"/>
      <c r="AH21" s="41"/>
      <c r="AI21" s="41"/>
      <c r="AJ21" s="41"/>
      <c r="AK21" s="41"/>
      <c r="AL21" s="41"/>
      <c r="AM21" s="41"/>
      <c r="AN21" s="41"/>
      <c r="AO21" s="41"/>
      <c r="AP21" s="41"/>
      <c r="AQ21" s="41"/>
      <c r="AR21" s="41"/>
      <c r="AS21" s="41"/>
      <c r="AT21" s="41"/>
      <c r="AU21" s="41"/>
      <c r="AV21" s="41"/>
      <c r="AW21" s="41"/>
      <c r="AX21" s="41"/>
      <c r="AY21" s="41"/>
      <c r="AZ21" s="41"/>
      <c r="BA21" s="41"/>
      <c r="BB21" s="41"/>
      <c r="BC21" s="41"/>
      <c r="BD21" s="42"/>
    </row>
    <row r="22" spans="1:56" s="40" customFormat="1" ht="18" customHeight="1" x14ac:dyDescent="0.2">
      <c r="A22" s="124"/>
      <c r="B22" s="41"/>
      <c r="C22" s="126" t="str">
        <f>A17</f>
        <v>コンクリート打設状況</v>
      </c>
      <c r="D22" s="126"/>
      <c r="E22" s="126"/>
      <c r="F22" s="126"/>
      <c r="G22" s="126"/>
      <c r="H22" s="126"/>
      <c r="I22" s="126"/>
      <c r="J22" s="126"/>
      <c r="K22" s="126"/>
      <c r="L22" s="126"/>
      <c r="M22" s="126"/>
      <c r="N22" s="126"/>
      <c r="O22" s="126"/>
      <c r="P22" s="126"/>
      <c r="Q22" s="126"/>
      <c r="R22" s="126"/>
      <c r="S22" s="126"/>
      <c r="T22" s="126"/>
      <c r="U22" s="126"/>
      <c r="V22" s="126"/>
      <c r="W22" s="126"/>
      <c r="X22" s="126"/>
      <c r="Y22" s="126"/>
      <c r="Z22" s="126"/>
      <c r="AA22" s="126"/>
      <c r="AB22" s="41"/>
      <c r="AC22" s="127"/>
      <c r="AD22" s="41"/>
      <c r="AE22" s="126" t="str">
        <f>AC17</f>
        <v>コンクリート締固め状況</v>
      </c>
      <c r="AF22" s="126"/>
      <c r="AG22" s="126"/>
      <c r="AH22" s="126"/>
      <c r="AI22" s="126"/>
      <c r="AJ22" s="126"/>
      <c r="AK22" s="126"/>
      <c r="AL22" s="126"/>
      <c r="AM22" s="126"/>
      <c r="AN22" s="126"/>
      <c r="AO22" s="126"/>
      <c r="AP22" s="126"/>
      <c r="AQ22" s="126"/>
      <c r="AR22" s="126"/>
      <c r="AS22" s="126"/>
      <c r="AT22" s="126"/>
      <c r="AU22" s="126"/>
      <c r="AV22" s="126"/>
      <c r="AW22" s="126"/>
      <c r="AX22" s="126"/>
      <c r="AY22" s="126"/>
      <c r="AZ22" s="126"/>
      <c r="BA22" s="126"/>
      <c r="BB22" s="126"/>
      <c r="BC22" s="126"/>
      <c r="BD22" s="42"/>
    </row>
    <row r="23" spans="1:56" s="40" customFormat="1" ht="18" customHeight="1" x14ac:dyDescent="0.2">
      <c r="A23" s="124"/>
      <c r="B23" s="41"/>
      <c r="C23" s="41"/>
      <c r="D23" s="41"/>
      <c r="E23" s="41"/>
      <c r="F23" s="41"/>
      <c r="G23" s="41"/>
      <c r="H23" s="41"/>
      <c r="I23" s="41"/>
      <c r="J23" s="41"/>
      <c r="K23" s="41"/>
      <c r="L23" s="41"/>
      <c r="M23" s="41"/>
      <c r="N23" s="41"/>
      <c r="O23" s="41"/>
      <c r="P23" s="41"/>
      <c r="Q23" s="41"/>
      <c r="R23" s="41"/>
      <c r="S23" s="41"/>
      <c r="T23" s="41"/>
      <c r="U23" s="41"/>
      <c r="V23" s="41"/>
      <c r="W23" s="41"/>
      <c r="X23" s="41"/>
      <c r="Y23" s="41"/>
      <c r="Z23" s="41"/>
      <c r="AA23" s="41"/>
      <c r="AB23" s="41"/>
      <c r="AC23" s="127"/>
      <c r="AD23" s="41"/>
      <c r="AE23" s="41"/>
      <c r="AF23" s="41"/>
      <c r="AG23" s="41"/>
      <c r="AH23" s="41"/>
      <c r="AI23" s="41"/>
      <c r="AJ23" s="41"/>
      <c r="AK23" s="41"/>
      <c r="AL23" s="41"/>
      <c r="AM23" s="41"/>
      <c r="AN23" s="41"/>
      <c r="AO23" s="41"/>
      <c r="AP23" s="41"/>
      <c r="AQ23" s="41"/>
      <c r="AR23" s="41"/>
      <c r="AS23" s="41"/>
      <c r="AT23" s="41"/>
      <c r="AU23" s="41"/>
      <c r="AV23" s="41"/>
      <c r="AW23" s="41"/>
      <c r="AX23" s="41"/>
      <c r="AY23" s="41"/>
      <c r="AZ23" s="41"/>
      <c r="BA23" s="41"/>
      <c r="BB23" s="41"/>
      <c r="BC23" s="41"/>
      <c r="BD23" s="42"/>
    </row>
    <row r="24" spans="1:56" s="40" customFormat="1" ht="18" customHeight="1" x14ac:dyDescent="0.2">
      <c r="A24" s="124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  <c r="W24" s="41"/>
      <c r="X24" s="41"/>
      <c r="Y24" s="41"/>
      <c r="Z24" s="41"/>
      <c r="AA24" s="41"/>
      <c r="AB24" s="41"/>
      <c r="AC24" s="127"/>
      <c r="AD24" s="41"/>
      <c r="AE24" s="41"/>
      <c r="AF24" s="41"/>
      <c r="AG24" s="41"/>
      <c r="AH24" s="41"/>
      <c r="AI24" s="41"/>
      <c r="AJ24" s="41"/>
      <c r="AK24" s="41"/>
      <c r="AL24" s="41"/>
      <c r="AM24" s="41"/>
      <c r="AN24" s="41"/>
      <c r="AO24" s="41"/>
      <c r="AP24" s="41"/>
      <c r="AQ24" s="41"/>
      <c r="AR24" s="41"/>
      <c r="AS24" s="41"/>
      <c r="AT24" s="41"/>
      <c r="AU24" s="41"/>
      <c r="AV24" s="41"/>
      <c r="AW24" s="41"/>
      <c r="AX24" s="41"/>
      <c r="AY24" s="41"/>
      <c r="AZ24" s="41"/>
      <c r="BA24" s="41"/>
      <c r="BB24" s="41"/>
      <c r="BC24" s="41"/>
      <c r="BD24" s="42"/>
    </row>
    <row r="25" spans="1:56" s="40" customFormat="1" ht="18" customHeight="1" x14ac:dyDescent="0.2">
      <c r="A25" s="124"/>
      <c r="B25" s="41"/>
      <c r="C25" s="41"/>
      <c r="D25" s="41"/>
      <c r="E25" s="41"/>
      <c r="F25" s="41"/>
      <c r="G25" s="41"/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41"/>
      <c r="S25" s="41"/>
      <c r="T25" s="41"/>
      <c r="U25" s="41"/>
      <c r="V25" s="41"/>
      <c r="W25" s="41"/>
      <c r="X25" s="41"/>
      <c r="Y25" s="41"/>
      <c r="Z25" s="41"/>
      <c r="AA25" s="41"/>
      <c r="AB25" s="41"/>
      <c r="AC25" s="127"/>
      <c r="AD25" s="41"/>
      <c r="AE25" s="41"/>
      <c r="AF25" s="41"/>
      <c r="AG25" s="41"/>
      <c r="AH25" s="41"/>
      <c r="AI25" s="41"/>
      <c r="AJ25" s="41"/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41"/>
      <c r="BD25" s="42"/>
    </row>
    <row r="26" spans="1:56" s="40" customFormat="1" ht="18" customHeight="1" x14ac:dyDescent="0.2">
      <c r="A26" s="124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  <c r="W26" s="41"/>
      <c r="X26" s="41"/>
      <c r="Y26" s="41"/>
      <c r="Z26" s="41"/>
      <c r="AA26" s="41"/>
      <c r="AB26" s="41"/>
      <c r="AC26" s="127"/>
      <c r="AD26" s="41"/>
      <c r="AE26" s="41"/>
      <c r="AF26" s="41"/>
      <c r="AG26" s="41"/>
      <c r="AH26" s="41"/>
      <c r="AI26" s="41"/>
      <c r="AJ26" s="41"/>
      <c r="AK26" s="41"/>
      <c r="AL26" s="41"/>
      <c r="AM26" s="41"/>
      <c r="AN26" s="41"/>
      <c r="AO26" s="41"/>
      <c r="AP26" s="41"/>
      <c r="AQ26" s="41"/>
      <c r="AR26" s="41"/>
      <c r="AS26" s="41"/>
      <c r="AT26" s="41"/>
      <c r="AU26" s="41"/>
      <c r="AV26" s="41"/>
      <c r="AW26" s="41"/>
      <c r="AX26" s="41"/>
      <c r="AY26" s="41"/>
      <c r="AZ26" s="41"/>
      <c r="BA26" s="41"/>
      <c r="BB26" s="41"/>
      <c r="BC26" s="41"/>
      <c r="BD26" s="42"/>
    </row>
    <row r="27" spans="1:56" s="40" customFormat="1" ht="18" customHeight="1" x14ac:dyDescent="0.2">
      <c r="A27" s="124"/>
      <c r="B27" s="41"/>
      <c r="C27" s="41"/>
      <c r="D27" s="41"/>
      <c r="E27" s="41"/>
      <c r="F27" s="41"/>
      <c r="G27" s="41"/>
      <c r="H27" s="41"/>
      <c r="I27" s="41"/>
      <c r="J27" s="41"/>
      <c r="K27" s="41"/>
      <c r="L27" s="41"/>
      <c r="M27" s="41"/>
      <c r="N27" s="41"/>
      <c r="O27" s="41"/>
      <c r="P27" s="41"/>
      <c r="Q27" s="41"/>
      <c r="R27" s="41"/>
      <c r="S27" s="41"/>
      <c r="T27" s="41"/>
      <c r="U27" s="41"/>
      <c r="V27" s="41"/>
      <c r="W27" s="41"/>
      <c r="X27" s="41"/>
      <c r="Y27" s="41"/>
      <c r="Z27" s="41"/>
      <c r="AA27" s="41"/>
      <c r="AB27" s="41"/>
      <c r="AC27" s="127"/>
      <c r="AD27" s="41"/>
      <c r="AE27" s="41"/>
      <c r="AF27" s="41"/>
      <c r="AG27" s="41"/>
      <c r="AH27" s="41"/>
      <c r="AI27" s="41"/>
      <c r="AJ27" s="41"/>
      <c r="AK27" s="41"/>
      <c r="AL27" s="41"/>
      <c r="AM27" s="41"/>
      <c r="AN27" s="41"/>
      <c r="AO27" s="41"/>
      <c r="AP27" s="41"/>
      <c r="AQ27" s="41"/>
      <c r="AR27" s="41"/>
      <c r="AS27" s="41"/>
      <c r="AT27" s="41"/>
      <c r="AU27" s="41"/>
      <c r="AV27" s="41"/>
      <c r="AW27" s="41"/>
      <c r="AX27" s="41"/>
      <c r="AY27" s="41"/>
      <c r="AZ27" s="41"/>
      <c r="BA27" s="41"/>
      <c r="BB27" s="41"/>
      <c r="BC27" s="41"/>
      <c r="BD27" s="42"/>
    </row>
    <row r="28" spans="1:56" s="40" customFormat="1" ht="18" customHeight="1" x14ac:dyDescent="0.2">
      <c r="A28" s="124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1"/>
      <c r="X28" s="41"/>
      <c r="Y28" s="41"/>
      <c r="Z28" s="41"/>
      <c r="AA28" s="41"/>
      <c r="AB28" s="41"/>
      <c r="AC28" s="127"/>
      <c r="AD28" s="41"/>
      <c r="AE28" s="41"/>
      <c r="AF28" s="41"/>
      <c r="AG28" s="41"/>
      <c r="AH28" s="41"/>
      <c r="AI28" s="41"/>
      <c r="AJ28" s="41"/>
      <c r="AK28" s="41"/>
      <c r="AL28" s="41"/>
      <c r="AM28" s="41"/>
      <c r="AN28" s="41"/>
      <c r="AO28" s="41"/>
      <c r="AP28" s="41"/>
      <c r="AQ28" s="41"/>
      <c r="AR28" s="41"/>
      <c r="AS28" s="41"/>
      <c r="AT28" s="41"/>
      <c r="AU28" s="41"/>
      <c r="AV28" s="41"/>
      <c r="AW28" s="41"/>
      <c r="AX28" s="41"/>
      <c r="AY28" s="41"/>
      <c r="AZ28" s="41"/>
      <c r="BA28" s="41"/>
      <c r="BB28" s="41"/>
      <c r="BC28" s="41"/>
      <c r="BD28" s="42"/>
    </row>
    <row r="29" spans="1:56" s="40" customFormat="1" ht="18" customHeight="1" x14ac:dyDescent="0.2">
      <c r="A29" s="125"/>
      <c r="B29" s="43"/>
      <c r="C29" s="43"/>
      <c r="D29" s="43"/>
      <c r="E29" s="43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3"/>
      <c r="X29" s="43"/>
      <c r="Y29" s="43"/>
      <c r="Z29" s="43"/>
      <c r="AA29" s="43"/>
      <c r="AB29" s="43"/>
      <c r="AC29" s="128"/>
      <c r="AD29" s="43"/>
      <c r="AE29" s="43"/>
      <c r="AF29" s="43"/>
      <c r="AG29" s="43"/>
      <c r="AH29" s="43"/>
      <c r="AI29" s="43"/>
      <c r="AJ29" s="43"/>
      <c r="AK29" s="43"/>
      <c r="AL29" s="43"/>
      <c r="AM29" s="43"/>
      <c r="AN29" s="43"/>
      <c r="AO29" s="43"/>
      <c r="AP29" s="43"/>
      <c r="AQ29" s="43"/>
      <c r="AR29" s="43"/>
      <c r="AS29" s="43"/>
      <c r="AT29" s="43"/>
      <c r="AU29" s="43"/>
      <c r="AV29" s="43"/>
      <c r="AW29" s="43"/>
      <c r="AX29" s="43"/>
      <c r="AY29" s="43"/>
      <c r="AZ29" s="43"/>
      <c r="BA29" s="43"/>
      <c r="BB29" s="43"/>
      <c r="BC29" s="43"/>
      <c r="BD29" s="44"/>
    </row>
    <row r="30" spans="1:56" s="40" customFormat="1" ht="18" customHeight="1" x14ac:dyDescent="0.2">
      <c r="A30" s="37">
        <f>AC16+1</f>
        <v>5</v>
      </c>
      <c r="B30" s="38"/>
      <c r="C30" s="38"/>
      <c r="D30" s="38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7">
        <f>A30+1</f>
        <v>6</v>
      </c>
      <c r="AD30" s="38"/>
      <c r="AE30" s="38"/>
      <c r="AF30" s="38"/>
      <c r="AG30" s="38"/>
      <c r="AH30" s="38"/>
      <c r="AI30" s="38"/>
      <c r="AJ30" s="38"/>
      <c r="AK30" s="38"/>
      <c r="AL30" s="38"/>
      <c r="AM30" s="38"/>
      <c r="AN30" s="38"/>
      <c r="AO30" s="38"/>
      <c r="AP30" s="38"/>
      <c r="AQ30" s="38"/>
      <c r="AR30" s="38"/>
      <c r="AS30" s="38"/>
      <c r="AT30" s="38"/>
      <c r="AU30" s="38"/>
      <c r="AV30" s="38"/>
      <c r="AW30" s="38"/>
      <c r="AX30" s="38"/>
      <c r="AY30" s="38"/>
      <c r="AZ30" s="38"/>
      <c r="BA30" s="38"/>
      <c r="BB30" s="38"/>
      <c r="BC30" s="38"/>
      <c r="BD30" s="39"/>
    </row>
    <row r="31" spans="1:56" s="40" customFormat="1" ht="18" customHeight="1" x14ac:dyDescent="0.2">
      <c r="A31" s="127" t="s">
        <v>25</v>
      </c>
      <c r="B31" s="41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124" t="s">
        <v>27</v>
      </c>
      <c r="AD31" s="41"/>
      <c r="AE31" s="41"/>
      <c r="AF31" s="41"/>
      <c r="AG31" s="41"/>
      <c r="AH31" s="41"/>
      <c r="AI31" s="41"/>
      <c r="AJ31" s="41"/>
      <c r="AK31" s="41"/>
      <c r="AL31" s="41"/>
      <c r="AM31" s="41"/>
      <c r="AN31" s="41"/>
      <c r="AO31" s="41"/>
      <c r="AP31" s="41"/>
      <c r="AQ31" s="41"/>
      <c r="AR31" s="41"/>
      <c r="AS31" s="41"/>
      <c r="AT31" s="41"/>
      <c r="AU31" s="41"/>
      <c r="AV31" s="41"/>
      <c r="AW31" s="41"/>
      <c r="AX31" s="41"/>
      <c r="AY31" s="41"/>
      <c r="AZ31" s="41"/>
      <c r="BA31" s="41"/>
      <c r="BB31" s="41"/>
      <c r="BC31" s="41"/>
      <c r="BD31" s="42"/>
    </row>
    <row r="32" spans="1:56" s="40" customFormat="1" ht="18" customHeight="1" x14ac:dyDescent="0.2">
      <c r="A32" s="127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  <c r="W32" s="41"/>
      <c r="X32" s="41"/>
      <c r="Y32" s="41"/>
      <c r="Z32" s="41"/>
      <c r="AA32" s="41"/>
      <c r="AB32" s="41"/>
      <c r="AC32" s="124"/>
      <c r="AD32" s="41"/>
      <c r="AE32" s="41"/>
      <c r="AF32" s="41"/>
      <c r="AG32" s="41"/>
      <c r="AH32" s="41"/>
      <c r="AI32" s="41"/>
      <c r="AJ32" s="41"/>
      <c r="AK32" s="41"/>
      <c r="AL32" s="41"/>
      <c r="AM32" s="41"/>
      <c r="AN32" s="41"/>
      <c r="AO32" s="41"/>
      <c r="AP32" s="41"/>
      <c r="AQ32" s="41"/>
      <c r="AR32" s="41"/>
      <c r="AS32" s="41"/>
      <c r="AT32" s="41"/>
      <c r="AU32" s="41"/>
      <c r="AV32" s="41"/>
      <c r="AW32" s="41"/>
      <c r="AX32" s="41"/>
      <c r="AY32" s="41"/>
      <c r="AZ32" s="41"/>
      <c r="BA32" s="41"/>
      <c r="BB32" s="41"/>
      <c r="BC32" s="41"/>
      <c r="BD32" s="42"/>
    </row>
    <row r="33" spans="1:56" s="40" customFormat="1" ht="18" customHeight="1" x14ac:dyDescent="0.2">
      <c r="A33" s="127"/>
      <c r="B33" s="41"/>
      <c r="C33" s="41"/>
      <c r="D33" s="41"/>
      <c r="E33" s="41"/>
      <c r="F33" s="41"/>
      <c r="G33" s="41"/>
      <c r="H33" s="41"/>
      <c r="I33" s="41"/>
      <c r="J33" s="41"/>
      <c r="K33" s="41"/>
      <c r="L33" s="41"/>
      <c r="M33" s="41"/>
      <c r="N33" s="41"/>
      <c r="O33" s="41"/>
      <c r="P33" s="41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124"/>
      <c r="AD33" s="41"/>
      <c r="AE33" s="41"/>
      <c r="AF33" s="41"/>
      <c r="AG33" s="41"/>
      <c r="AH33" s="41"/>
      <c r="AI33" s="41"/>
      <c r="AJ33" s="41"/>
      <c r="AK33" s="41"/>
      <c r="AL33" s="41"/>
      <c r="AM33" s="41"/>
      <c r="AN33" s="41"/>
      <c r="AO33" s="41"/>
      <c r="AP33" s="41"/>
      <c r="AQ33" s="41"/>
      <c r="AR33" s="41"/>
      <c r="AS33" s="41"/>
      <c r="AT33" s="41"/>
      <c r="AU33" s="41"/>
      <c r="AV33" s="41"/>
      <c r="AW33" s="41"/>
      <c r="AX33" s="41"/>
      <c r="AY33" s="41"/>
      <c r="AZ33" s="41"/>
      <c r="BA33" s="41"/>
      <c r="BB33" s="41"/>
      <c r="BC33" s="41"/>
      <c r="BD33" s="42"/>
    </row>
    <row r="34" spans="1:56" s="40" customFormat="1" ht="18" customHeight="1" x14ac:dyDescent="0.2">
      <c r="A34" s="127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  <c r="W34" s="41"/>
      <c r="X34" s="41"/>
      <c r="Y34" s="41"/>
      <c r="Z34" s="41"/>
      <c r="AA34" s="41"/>
      <c r="AB34" s="41"/>
      <c r="AC34" s="124"/>
      <c r="AD34" s="41"/>
      <c r="AE34" s="41"/>
      <c r="AF34" s="41"/>
      <c r="AG34" s="41"/>
      <c r="AH34" s="41"/>
      <c r="AI34" s="41"/>
      <c r="AJ34" s="41"/>
      <c r="AK34" s="41"/>
      <c r="AL34" s="41"/>
      <c r="AM34" s="41"/>
      <c r="AN34" s="41"/>
      <c r="AO34" s="41"/>
      <c r="AP34" s="41"/>
      <c r="AQ34" s="41"/>
      <c r="AR34" s="41"/>
      <c r="AS34" s="41"/>
      <c r="AT34" s="41"/>
      <c r="AU34" s="41"/>
      <c r="AV34" s="41"/>
      <c r="AW34" s="41"/>
      <c r="AX34" s="41"/>
      <c r="AY34" s="41"/>
      <c r="AZ34" s="41"/>
      <c r="BA34" s="41"/>
      <c r="BB34" s="41"/>
      <c r="BC34" s="41"/>
      <c r="BD34" s="42"/>
    </row>
    <row r="35" spans="1:56" s="40" customFormat="1" ht="18" customHeight="1" x14ac:dyDescent="0.2">
      <c r="A35" s="127"/>
      <c r="B35" s="41"/>
      <c r="C35" s="41"/>
      <c r="D35" s="41"/>
      <c r="E35" s="41"/>
      <c r="F35" s="41"/>
      <c r="G35" s="41"/>
      <c r="H35" s="41"/>
      <c r="I35" s="41"/>
      <c r="J35" s="41"/>
      <c r="K35" s="41"/>
      <c r="L35" s="41"/>
      <c r="M35" s="41"/>
      <c r="N35" s="41"/>
      <c r="O35" s="41"/>
      <c r="P35" s="41"/>
      <c r="Q35" s="41"/>
      <c r="R35" s="41"/>
      <c r="S35" s="41"/>
      <c r="T35" s="41"/>
      <c r="U35" s="41"/>
      <c r="V35" s="41"/>
      <c r="W35" s="41"/>
      <c r="X35" s="41"/>
      <c r="Y35" s="41"/>
      <c r="Z35" s="41"/>
      <c r="AA35" s="41"/>
      <c r="AB35" s="41"/>
      <c r="AC35" s="124"/>
      <c r="AD35" s="41"/>
      <c r="AE35" s="41"/>
      <c r="AF35" s="41"/>
      <c r="AG35" s="41"/>
      <c r="AH35" s="41"/>
      <c r="AI35" s="41"/>
      <c r="AJ35" s="41"/>
      <c r="AK35" s="41"/>
      <c r="AL35" s="41"/>
      <c r="AM35" s="41"/>
      <c r="AN35" s="41"/>
      <c r="AO35" s="41"/>
      <c r="AP35" s="41"/>
      <c r="AQ35" s="41"/>
      <c r="AR35" s="41"/>
      <c r="AS35" s="41"/>
      <c r="AT35" s="41"/>
      <c r="AU35" s="41"/>
      <c r="AV35" s="41"/>
      <c r="AW35" s="41"/>
      <c r="AX35" s="41"/>
      <c r="AY35" s="41"/>
      <c r="AZ35" s="41"/>
      <c r="BA35" s="41"/>
      <c r="BB35" s="41"/>
      <c r="BC35" s="41"/>
      <c r="BD35" s="42"/>
    </row>
    <row r="36" spans="1:56" s="40" customFormat="1" ht="18" customHeight="1" x14ac:dyDescent="0.2">
      <c r="A36" s="127"/>
      <c r="B36" s="41"/>
      <c r="C36" s="126" t="str">
        <f>A31</f>
        <v>コンクリート養生状況</v>
      </c>
      <c r="D36" s="126"/>
      <c r="E36" s="126"/>
      <c r="F36" s="126"/>
      <c r="G36" s="126"/>
      <c r="H36" s="126"/>
      <c r="I36" s="126"/>
      <c r="J36" s="126"/>
      <c r="K36" s="126"/>
      <c r="L36" s="126"/>
      <c r="M36" s="126"/>
      <c r="N36" s="126"/>
      <c r="O36" s="126"/>
      <c r="P36" s="126"/>
      <c r="Q36" s="126"/>
      <c r="R36" s="126"/>
      <c r="S36" s="126"/>
      <c r="T36" s="126"/>
      <c r="U36" s="126"/>
      <c r="V36" s="126"/>
      <c r="W36" s="126"/>
      <c r="X36" s="126"/>
      <c r="Y36" s="126"/>
      <c r="Z36" s="126"/>
      <c r="AA36" s="126"/>
      <c r="AB36" s="41"/>
      <c r="AC36" s="124"/>
      <c r="AD36" s="41"/>
      <c r="AE36" s="126" t="str">
        <f>AC31</f>
        <v>ブリーディング発生状況</v>
      </c>
      <c r="AF36" s="126"/>
      <c r="AG36" s="126"/>
      <c r="AH36" s="126"/>
      <c r="AI36" s="126"/>
      <c r="AJ36" s="126"/>
      <c r="AK36" s="126"/>
      <c r="AL36" s="126"/>
      <c r="AM36" s="126"/>
      <c r="AN36" s="126"/>
      <c r="AO36" s="126"/>
      <c r="AP36" s="126"/>
      <c r="AQ36" s="126"/>
      <c r="AR36" s="126"/>
      <c r="AS36" s="126"/>
      <c r="AT36" s="126"/>
      <c r="AU36" s="126"/>
      <c r="AV36" s="126"/>
      <c r="AW36" s="126"/>
      <c r="AX36" s="126"/>
      <c r="AY36" s="126"/>
      <c r="AZ36" s="126"/>
      <c r="BA36" s="126"/>
      <c r="BB36" s="126"/>
      <c r="BC36" s="126"/>
      <c r="BD36" s="42"/>
    </row>
    <row r="37" spans="1:56" s="40" customFormat="1" ht="18" customHeight="1" x14ac:dyDescent="0.2">
      <c r="A37" s="127"/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1"/>
      <c r="U37" s="41"/>
      <c r="V37" s="41"/>
      <c r="W37" s="41"/>
      <c r="X37" s="41"/>
      <c r="Y37" s="41"/>
      <c r="Z37" s="41"/>
      <c r="AA37" s="41"/>
      <c r="AB37" s="41"/>
      <c r="AC37" s="124"/>
      <c r="AD37" s="41"/>
      <c r="AE37" s="41"/>
      <c r="AF37" s="41"/>
      <c r="AG37" s="41"/>
      <c r="AH37" s="41"/>
      <c r="AI37" s="41"/>
      <c r="AJ37" s="41"/>
      <c r="AK37" s="41"/>
      <c r="AL37" s="41"/>
      <c r="AM37" s="41"/>
      <c r="AN37" s="41"/>
      <c r="AO37" s="41"/>
      <c r="AP37" s="41"/>
      <c r="AQ37" s="41"/>
      <c r="AR37" s="41"/>
      <c r="AS37" s="41"/>
      <c r="AT37" s="41"/>
      <c r="AU37" s="41"/>
      <c r="AV37" s="41"/>
      <c r="AW37" s="41"/>
      <c r="AX37" s="41"/>
      <c r="AY37" s="41"/>
      <c r="AZ37" s="41"/>
      <c r="BA37" s="41"/>
      <c r="BB37" s="41"/>
      <c r="BC37" s="41"/>
      <c r="BD37" s="42"/>
    </row>
    <row r="38" spans="1:56" s="40" customFormat="1" ht="18" customHeight="1" x14ac:dyDescent="0.2">
      <c r="A38" s="127"/>
      <c r="B38" s="41"/>
      <c r="C38" s="41"/>
      <c r="D38" s="41"/>
      <c r="E38" s="41"/>
      <c r="F38" s="41"/>
      <c r="G38" s="41"/>
      <c r="H38" s="41"/>
      <c r="I38" s="41"/>
      <c r="J38" s="41"/>
      <c r="K38" s="41"/>
      <c r="L38" s="41"/>
      <c r="M38" s="41"/>
      <c r="N38" s="41"/>
      <c r="O38" s="41"/>
      <c r="P38" s="41"/>
      <c r="Q38" s="41"/>
      <c r="R38" s="41"/>
      <c r="S38" s="41"/>
      <c r="T38" s="41"/>
      <c r="U38" s="41"/>
      <c r="V38" s="41"/>
      <c r="W38" s="41"/>
      <c r="X38" s="41"/>
      <c r="Y38" s="41"/>
      <c r="Z38" s="41"/>
      <c r="AA38" s="41"/>
      <c r="AB38" s="41"/>
      <c r="AC38" s="124"/>
      <c r="AD38" s="41"/>
      <c r="AE38" s="41"/>
      <c r="AF38" s="41"/>
      <c r="AG38" s="41"/>
      <c r="AH38" s="41"/>
      <c r="AI38" s="41"/>
      <c r="AJ38" s="41"/>
      <c r="AK38" s="41"/>
      <c r="AL38" s="41"/>
      <c r="AM38" s="41"/>
      <c r="AN38" s="41"/>
      <c r="AO38" s="41"/>
      <c r="AP38" s="41"/>
      <c r="AQ38" s="41"/>
      <c r="AR38" s="41"/>
      <c r="AS38" s="41"/>
      <c r="AT38" s="41"/>
      <c r="AU38" s="41"/>
      <c r="AV38" s="41"/>
      <c r="AW38" s="41"/>
      <c r="AX38" s="41"/>
      <c r="AY38" s="41"/>
      <c r="AZ38" s="41"/>
      <c r="BA38" s="41"/>
      <c r="BB38" s="41"/>
      <c r="BC38" s="41"/>
      <c r="BD38" s="42"/>
    </row>
    <row r="39" spans="1:56" s="40" customFormat="1" ht="18" customHeight="1" x14ac:dyDescent="0.2">
      <c r="A39" s="127"/>
      <c r="B39" s="41"/>
      <c r="C39" s="41"/>
      <c r="D39" s="41"/>
      <c r="E39" s="41"/>
      <c r="F39" s="41"/>
      <c r="G39" s="41"/>
      <c r="H39" s="41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1"/>
      <c r="U39" s="41"/>
      <c r="V39" s="41"/>
      <c r="W39" s="41"/>
      <c r="X39" s="41"/>
      <c r="Y39" s="41"/>
      <c r="Z39" s="41"/>
      <c r="AA39" s="41"/>
      <c r="AB39" s="41"/>
      <c r="AC39" s="124"/>
      <c r="AD39" s="41"/>
      <c r="AE39" s="41"/>
      <c r="AF39" s="41"/>
      <c r="AG39" s="41"/>
      <c r="AH39" s="41"/>
      <c r="AI39" s="41"/>
      <c r="AJ39" s="41"/>
      <c r="AK39" s="41"/>
      <c r="AL39" s="41"/>
      <c r="AM39" s="41"/>
      <c r="AN39" s="41"/>
      <c r="AO39" s="41"/>
      <c r="AP39" s="41"/>
      <c r="AQ39" s="41"/>
      <c r="AR39" s="41"/>
      <c r="AS39" s="41"/>
      <c r="AT39" s="41"/>
      <c r="AU39" s="41"/>
      <c r="AV39" s="41"/>
      <c r="AW39" s="41"/>
      <c r="AX39" s="41"/>
      <c r="AY39" s="41"/>
      <c r="AZ39" s="41"/>
      <c r="BA39" s="41"/>
      <c r="BB39" s="41"/>
      <c r="BC39" s="41"/>
      <c r="BD39" s="42"/>
    </row>
    <row r="40" spans="1:56" s="40" customFormat="1" ht="18" customHeight="1" x14ac:dyDescent="0.2">
      <c r="A40" s="127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  <c r="W40" s="41"/>
      <c r="X40" s="41"/>
      <c r="Y40" s="41"/>
      <c r="Z40" s="41"/>
      <c r="AA40" s="41"/>
      <c r="AB40" s="41"/>
      <c r="AC40" s="124"/>
      <c r="AD40" s="41"/>
      <c r="AE40" s="41"/>
      <c r="AF40" s="41"/>
      <c r="AG40" s="41"/>
      <c r="AH40" s="41"/>
      <c r="AI40" s="41"/>
      <c r="AJ40" s="41"/>
      <c r="AK40" s="41"/>
      <c r="AL40" s="41"/>
      <c r="AM40" s="41"/>
      <c r="AN40" s="41"/>
      <c r="AO40" s="41"/>
      <c r="AP40" s="41"/>
      <c r="AQ40" s="41"/>
      <c r="AR40" s="41"/>
      <c r="AS40" s="41"/>
      <c r="AT40" s="41"/>
      <c r="AU40" s="41"/>
      <c r="AV40" s="41"/>
      <c r="AW40" s="41"/>
      <c r="AX40" s="41"/>
      <c r="AY40" s="41"/>
      <c r="AZ40" s="41"/>
      <c r="BA40" s="41"/>
      <c r="BB40" s="41"/>
      <c r="BC40" s="41"/>
      <c r="BD40" s="42"/>
    </row>
    <row r="41" spans="1:56" s="40" customFormat="1" ht="18" customHeight="1" x14ac:dyDescent="0.2">
      <c r="A41" s="127"/>
      <c r="B41" s="41"/>
      <c r="C41" s="41"/>
      <c r="D41" s="41"/>
      <c r="E41" s="41"/>
      <c r="F41" s="41"/>
      <c r="G41" s="41"/>
      <c r="H41" s="41"/>
      <c r="I41" s="41"/>
      <c r="J41" s="41"/>
      <c r="K41" s="41"/>
      <c r="L41" s="41"/>
      <c r="M41" s="41"/>
      <c r="N41" s="41"/>
      <c r="O41" s="41"/>
      <c r="P41" s="41"/>
      <c r="Q41" s="41"/>
      <c r="R41" s="41"/>
      <c r="S41" s="41"/>
      <c r="T41" s="41"/>
      <c r="U41" s="41"/>
      <c r="V41" s="41"/>
      <c r="W41" s="41"/>
      <c r="X41" s="41"/>
      <c r="Y41" s="41"/>
      <c r="Z41" s="41"/>
      <c r="AA41" s="41"/>
      <c r="AB41" s="41"/>
      <c r="AC41" s="124"/>
      <c r="AD41" s="41"/>
      <c r="AE41" s="41"/>
      <c r="AF41" s="41"/>
      <c r="AG41" s="41"/>
      <c r="AH41" s="41"/>
      <c r="AI41" s="41"/>
      <c r="AJ41" s="41"/>
      <c r="AK41" s="41"/>
      <c r="AL41" s="41"/>
      <c r="AM41" s="41"/>
      <c r="AN41" s="41"/>
      <c r="AO41" s="41"/>
      <c r="AP41" s="41"/>
      <c r="AQ41" s="41"/>
      <c r="AR41" s="41"/>
      <c r="AS41" s="41"/>
      <c r="AT41" s="41"/>
      <c r="AU41" s="41"/>
      <c r="AV41" s="41"/>
      <c r="AW41" s="41"/>
      <c r="AX41" s="41"/>
      <c r="AY41" s="41"/>
      <c r="AZ41" s="41"/>
      <c r="BA41" s="41"/>
      <c r="BB41" s="41"/>
      <c r="BC41" s="41"/>
      <c r="BD41" s="42"/>
    </row>
    <row r="42" spans="1:56" s="40" customFormat="1" ht="18" customHeight="1" x14ac:dyDescent="0.2">
      <c r="A42" s="127"/>
      <c r="B42" s="41"/>
      <c r="C42" s="41"/>
      <c r="D42" s="41"/>
      <c r="E42" s="41"/>
      <c r="F42" s="41"/>
      <c r="G42" s="41"/>
      <c r="H42" s="41"/>
      <c r="I42" s="41"/>
      <c r="J42" s="41"/>
      <c r="K42" s="41"/>
      <c r="L42" s="41"/>
      <c r="M42" s="41"/>
      <c r="N42" s="41"/>
      <c r="O42" s="41"/>
      <c r="P42" s="41"/>
      <c r="Q42" s="41"/>
      <c r="R42" s="41"/>
      <c r="S42" s="41"/>
      <c r="T42" s="41"/>
      <c r="U42" s="41"/>
      <c r="V42" s="41"/>
      <c r="W42" s="41"/>
      <c r="X42" s="41"/>
      <c r="Y42" s="41"/>
      <c r="Z42" s="41"/>
      <c r="AA42" s="41"/>
      <c r="AB42" s="41"/>
      <c r="AC42" s="124"/>
      <c r="AD42" s="41"/>
      <c r="AE42" s="41"/>
      <c r="AF42" s="41"/>
      <c r="AG42" s="41"/>
      <c r="AH42" s="41"/>
      <c r="AI42" s="41"/>
      <c r="AJ42" s="41"/>
      <c r="AK42" s="41"/>
      <c r="AL42" s="41"/>
      <c r="AM42" s="41"/>
      <c r="AN42" s="41"/>
      <c r="AO42" s="41"/>
      <c r="AP42" s="41"/>
      <c r="AQ42" s="41"/>
      <c r="AR42" s="41"/>
      <c r="AS42" s="41"/>
      <c r="AT42" s="41"/>
      <c r="AU42" s="41"/>
      <c r="AV42" s="41"/>
      <c r="AW42" s="41"/>
      <c r="AX42" s="41"/>
      <c r="AY42" s="41"/>
      <c r="AZ42" s="41"/>
      <c r="BA42" s="41"/>
      <c r="BB42" s="41"/>
      <c r="BC42" s="41"/>
      <c r="BD42" s="42"/>
    </row>
    <row r="43" spans="1:56" s="40" customFormat="1" ht="18" customHeight="1" x14ac:dyDescent="0.2">
      <c r="A43" s="127"/>
      <c r="B43" s="43"/>
      <c r="C43" s="43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125"/>
      <c r="AD43" s="43"/>
      <c r="AE43" s="43"/>
      <c r="AF43" s="43"/>
      <c r="AG43" s="43"/>
      <c r="AH43" s="43"/>
      <c r="AI43" s="43"/>
      <c r="AJ43" s="43"/>
      <c r="AK43" s="43"/>
      <c r="AL43" s="43"/>
      <c r="AM43" s="43"/>
      <c r="AN43" s="43"/>
      <c r="AO43" s="43"/>
      <c r="AP43" s="43"/>
      <c r="AQ43" s="43"/>
      <c r="AR43" s="43"/>
      <c r="AS43" s="43"/>
      <c r="AT43" s="43"/>
      <c r="AU43" s="43"/>
      <c r="AV43" s="43"/>
      <c r="AW43" s="43"/>
      <c r="AX43" s="43"/>
      <c r="AY43" s="43"/>
      <c r="AZ43" s="43"/>
      <c r="BA43" s="43"/>
      <c r="BB43" s="43"/>
      <c r="BC43" s="43"/>
      <c r="BD43" s="44"/>
    </row>
    <row r="44" spans="1:56" s="40" customFormat="1" ht="18" customHeight="1" x14ac:dyDescent="0.2">
      <c r="A44" s="37">
        <f>AC30+1</f>
        <v>7</v>
      </c>
      <c r="B44" s="38"/>
      <c r="C44" s="38"/>
      <c r="D44" s="38"/>
      <c r="E44" s="38"/>
      <c r="F44" s="38"/>
      <c r="G44" s="38"/>
      <c r="H44" s="38"/>
      <c r="I44" s="38"/>
      <c r="J44" s="38"/>
      <c r="K44" s="38"/>
      <c r="L44" s="38"/>
      <c r="M44" s="38"/>
      <c r="N44" s="38"/>
      <c r="O44" s="38"/>
      <c r="P44" s="38"/>
      <c r="Q44" s="38"/>
      <c r="R44" s="38"/>
      <c r="S44" s="38"/>
      <c r="T44" s="38"/>
      <c r="U44" s="38"/>
      <c r="V44" s="38"/>
      <c r="W44" s="38"/>
      <c r="X44" s="38"/>
      <c r="Y44" s="38"/>
      <c r="Z44" s="38"/>
      <c r="AA44" s="38"/>
      <c r="AB44" s="38"/>
      <c r="AC44" s="37">
        <f>A44+1</f>
        <v>8</v>
      </c>
      <c r="AD44" s="38"/>
      <c r="AE44" s="38"/>
      <c r="AF44" s="38"/>
      <c r="AG44" s="38"/>
      <c r="AH44" s="38"/>
      <c r="AI44" s="38"/>
      <c r="AJ44" s="38"/>
      <c r="AK44" s="38"/>
      <c r="AL44" s="38"/>
      <c r="AM44" s="38"/>
      <c r="AN44" s="38"/>
      <c r="AO44" s="38"/>
      <c r="AP44" s="38"/>
      <c r="AQ44" s="38"/>
      <c r="AR44" s="38"/>
      <c r="AS44" s="38"/>
      <c r="AT44" s="38"/>
      <c r="AU44" s="38"/>
      <c r="AV44" s="38"/>
      <c r="AW44" s="38"/>
      <c r="AX44" s="38"/>
      <c r="AY44" s="38"/>
      <c r="AZ44" s="38"/>
      <c r="BA44" s="38"/>
      <c r="BB44" s="38"/>
      <c r="BC44" s="38"/>
      <c r="BD44" s="39"/>
    </row>
    <row r="45" spans="1:56" s="40" customFormat="1" ht="18" customHeight="1" x14ac:dyDescent="0.2">
      <c r="A45" s="127" t="s">
        <v>140</v>
      </c>
      <c r="B45" s="41"/>
      <c r="C45" s="41"/>
      <c r="D45" s="41"/>
      <c r="E45" s="41"/>
      <c r="F45" s="41"/>
      <c r="G45" s="41"/>
      <c r="H45" s="41"/>
      <c r="I45" s="41"/>
      <c r="J45" s="41"/>
      <c r="K45" s="41"/>
      <c r="L45" s="41"/>
      <c r="M45" s="41"/>
      <c r="N45" s="41"/>
      <c r="O45" s="41"/>
      <c r="P45" s="41"/>
      <c r="Q45" s="41"/>
      <c r="R45" s="41"/>
      <c r="S45" s="41"/>
      <c r="T45" s="41"/>
      <c r="U45" s="41"/>
      <c r="V45" s="41"/>
      <c r="W45" s="41"/>
      <c r="X45" s="41"/>
      <c r="Y45" s="41"/>
      <c r="Z45" s="41"/>
      <c r="AA45" s="41"/>
      <c r="AB45" s="41"/>
      <c r="AC45" s="127" t="s">
        <v>139</v>
      </c>
      <c r="AD45" s="41"/>
      <c r="AE45" s="41"/>
      <c r="AF45" s="41"/>
      <c r="AG45" s="41"/>
      <c r="AH45" s="41"/>
      <c r="AI45" s="41"/>
      <c r="AJ45" s="41"/>
      <c r="AK45" s="41"/>
      <c r="AL45" s="41"/>
      <c r="AM45" s="41"/>
      <c r="AN45" s="41"/>
      <c r="AO45" s="41"/>
      <c r="AP45" s="41"/>
      <c r="AQ45" s="41"/>
      <c r="AR45" s="41"/>
      <c r="AS45" s="41"/>
      <c r="AT45" s="41"/>
      <c r="AU45" s="41"/>
      <c r="AV45" s="41"/>
      <c r="AW45" s="41"/>
      <c r="AX45" s="41"/>
      <c r="AY45" s="41"/>
      <c r="AZ45" s="41"/>
      <c r="BA45" s="41"/>
      <c r="BB45" s="41"/>
      <c r="BC45" s="41"/>
      <c r="BD45" s="42"/>
    </row>
    <row r="46" spans="1:56" s="40" customFormat="1" ht="18" customHeight="1" x14ac:dyDescent="0.2">
      <c r="A46" s="127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  <c r="W46" s="41"/>
      <c r="X46" s="41"/>
      <c r="Y46" s="41"/>
      <c r="Z46" s="41"/>
      <c r="AA46" s="41"/>
      <c r="AB46" s="41"/>
      <c r="AC46" s="127"/>
      <c r="AD46" s="41"/>
      <c r="AE46" s="41"/>
      <c r="AF46" s="41"/>
      <c r="AG46" s="41"/>
      <c r="AH46" s="41"/>
      <c r="AI46" s="41"/>
      <c r="AJ46" s="41"/>
      <c r="AK46" s="41"/>
      <c r="AL46" s="41"/>
      <c r="AM46" s="41"/>
      <c r="AN46" s="41"/>
      <c r="AO46" s="41"/>
      <c r="AP46" s="41"/>
      <c r="AQ46" s="41"/>
      <c r="AR46" s="41"/>
      <c r="AS46" s="41"/>
      <c r="AT46" s="41"/>
      <c r="AU46" s="41"/>
      <c r="AV46" s="41"/>
      <c r="AW46" s="41"/>
      <c r="AX46" s="41"/>
      <c r="AY46" s="41"/>
      <c r="AZ46" s="41"/>
      <c r="BA46" s="41"/>
      <c r="BB46" s="41"/>
      <c r="BC46" s="41"/>
      <c r="BD46" s="42"/>
    </row>
    <row r="47" spans="1:56" s="40" customFormat="1" ht="18" customHeight="1" x14ac:dyDescent="0.2">
      <c r="A47" s="127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  <c r="W47" s="41"/>
      <c r="X47" s="41"/>
      <c r="Y47" s="41"/>
      <c r="Z47" s="41"/>
      <c r="AA47" s="41"/>
      <c r="AB47" s="41"/>
      <c r="AC47" s="127"/>
      <c r="AD47" s="41"/>
      <c r="AE47" s="41"/>
      <c r="AF47" s="41"/>
      <c r="AG47" s="41"/>
      <c r="AH47" s="41"/>
      <c r="AI47" s="41"/>
      <c r="AJ47" s="41"/>
      <c r="AK47" s="41"/>
      <c r="AL47" s="41"/>
      <c r="AM47" s="41"/>
      <c r="AN47" s="41"/>
      <c r="AO47" s="41"/>
      <c r="AP47" s="41"/>
      <c r="AQ47" s="41"/>
      <c r="AR47" s="41"/>
      <c r="AS47" s="41"/>
      <c r="AT47" s="41"/>
      <c r="AU47" s="41"/>
      <c r="AV47" s="41"/>
      <c r="AW47" s="41"/>
      <c r="AX47" s="41"/>
      <c r="AY47" s="41"/>
      <c r="AZ47" s="41"/>
      <c r="BA47" s="41"/>
      <c r="BB47" s="41"/>
      <c r="BC47" s="41"/>
      <c r="BD47" s="42"/>
    </row>
    <row r="48" spans="1:56" s="40" customFormat="1" ht="18" customHeight="1" x14ac:dyDescent="0.2">
      <c r="A48" s="127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  <c r="W48" s="41"/>
      <c r="X48" s="41"/>
      <c r="Y48" s="41"/>
      <c r="Z48" s="41"/>
      <c r="AA48" s="41"/>
      <c r="AB48" s="41"/>
      <c r="AC48" s="127"/>
      <c r="AD48" s="41"/>
      <c r="AE48" s="41"/>
      <c r="AF48" s="41"/>
      <c r="AG48" s="41"/>
      <c r="AH48" s="41"/>
      <c r="AI48" s="41"/>
      <c r="AJ48" s="41"/>
      <c r="AK48" s="41"/>
      <c r="AL48" s="41"/>
      <c r="AM48" s="41"/>
      <c r="AN48" s="41"/>
      <c r="AO48" s="41"/>
      <c r="AP48" s="41"/>
      <c r="AQ48" s="41"/>
      <c r="AR48" s="41"/>
      <c r="AS48" s="41"/>
      <c r="AT48" s="41"/>
      <c r="AU48" s="41"/>
      <c r="AV48" s="41"/>
      <c r="AW48" s="41"/>
      <c r="AX48" s="41"/>
      <c r="AY48" s="41"/>
      <c r="AZ48" s="41"/>
      <c r="BA48" s="41"/>
      <c r="BB48" s="41"/>
      <c r="BC48" s="41"/>
      <c r="BD48" s="42"/>
    </row>
    <row r="49" spans="1:56" s="40" customFormat="1" ht="18" customHeight="1" x14ac:dyDescent="0.2">
      <c r="A49" s="127"/>
      <c r="B49" s="41"/>
      <c r="C49" s="41"/>
      <c r="D49" s="41"/>
      <c r="E49" s="41"/>
      <c r="F49" s="41"/>
      <c r="G49" s="41"/>
      <c r="H49" s="41"/>
      <c r="I49" s="41"/>
      <c r="J49" s="41"/>
      <c r="K49" s="41"/>
      <c r="L49" s="41"/>
      <c r="M49" s="41"/>
      <c r="N49" s="41"/>
      <c r="O49" s="41"/>
      <c r="P49" s="41"/>
      <c r="Q49" s="41"/>
      <c r="R49" s="41"/>
      <c r="S49" s="41"/>
      <c r="T49" s="41"/>
      <c r="U49" s="41"/>
      <c r="V49" s="41"/>
      <c r="W49" s="41"/>
      <c r="X49" s="41"/>
      <c r="Y49" s="41"/>
      <c r="Z49" s="41"/>
      <c r="AA49" s="41"/>
      <c r="AB49" s="41"/>
      <c r="AC49" s="127"/>
      <c r="AD49" s="41"/>
      <c r="AE49" s="41"/>
      <c r="AF49" s="41"/>
      <c r="AG49" s="41"/>
      <c r="AH49" s="41"/>
      <c r="AI49" s="41"/>
      <c r="AJ49" s="41"/>
      <c r="AK49" s="41"/>
      <c r="AL49" s="41"/>
      <c r="AM49" s="41"/>
      <c r="AN49" s="41"/>
      <c r="AO49" s="41"/>
      <c r="AP49" s="41"/>
      <c r="AQ49" s="41"/>
      <c r="AR49" s="41"/>
      <c r="AS49" s="41"/>
      <c r="AT49" s="41"/>
      <c r="AU49" s="41"/>
      <c r="AV49" s="41"/>
      <c r="AW49" s="41"/>
      <c r="AX49" s="41"/>
      <c r="AY49" s="41"/>
      <c r="AZ49" s="41"/>
      <c r="BA49" s="41"/>
      <c r="BB49" s="41"/>
      <c r="BC49" s="41"/>
      <c r="BD49" s="42"/>
    </row>
    <row r="50" spans="1:56" s="40" customFormat="1" ht="18" customHeight="1" x14ac:dyDescent="0.2">
      <c r="A50" s="127"/>
      <c r="B50" s="41"/>
      <c r="C50" s="126" t="str">
        <f>A45</f>
        <v>脱型直後構造物状況</v>
      </c>
      <c r="D50" s="126"/>
      <c r="E50" s="126"/>
      <c r="F50" s="126"/>
      <c r="G50" s="126"/>
      <c r="H50" s="126"/>
      <c r="I50" s="126"/>
      <c r="J50" s="126"/>
      <c r="K50" s="126"/>
      <c r="L50" s="126"/>
      <c r="M50" s="126"/>
      <c r="N50" s="126"/>
      <c r="O50" s="126"/>
      <c r="P50" s="126"/>
      <c r="Q50" s="126"/>
      <c r="R50" s="126"/>
      <c r="S50" s="126"/>
      <c r="T50" s="126"/>
      <c r="U50" s="126"/>
      <c r="V50" s="126"/>
      <c r="W50" s="126"/>
      <c r="X50" s="126"/>
      <c r="Y50" s="126"/>
      <c r="Z50" s="126"/>
      <c r="AA50" s="126"/>
      <c r="AB50" s="41"/>
      <c r="AC50" s="127"/>
      <c r="AD50" s="41"/>
      <c r="AE50" s="126" t="str">
        <f>AC45</f>
        <v>完成写真撮影時構造物状況</v>
      </c>
      <c r="AF50" s="126"/>
      <c r="AG50" s="126"/>
      <c r="AH50" s="126"/>
      <c r="AI50" s="126"/>
      <c r="AJ50" s="126"/>
      <c r="AK50" s="126"/>
      <c r="AL50" s="126"/>
      <c r="AM50" s="126"/>
      <c r="AN50" s="126"/>
      <c r="AO50" s="126"/>
      <c r="AP50" s="126"/>
      <c r="AQ50" s="126"/>
      <c r="AR50" s="126"/>
      <c r="AS50" s="126"/>
      <c r="AT50" s="126"/>
      <c r="AU50" s="126"/>
      <c r="AV50" s="126"/>
      <c r="AW50" s="126"/>
      <c r="AX50" s="126"/>
      <c r="AY50" s="126"/>
      <c r="AZ50" s="126"/>
      <c r="BA50" s="126"/>
      <c r="BB50" s="126"/>
      <c r="BC50" s="126"/>
      <c r="BD50" s="42"/>
    </row>
    <row r="51" spans="1:56" s="40" customFormat="1" ht="18" customHeight="1" x14ac:dyDescent="0.2">
      <c r="A51" s="127"/>
      <c r="B51" s="41"/>
      <c r="C51" s="41"/>
      <c r="D51" s="41"/>
      <c r="E51" s="41" t="s">
        <v>28</v>
      </c>
      <c r="G51" s="41"/>
      <c r="H51" s="41"/>
      <c r="I51" s="41"/>
      <c r="J51" s="41"/>
      <c r="K51" s="41"/>
      <c r="L51" s="41"/>
      <c r="M51" s="41"/>
      <c r="N51" s="41"/>
      <c r="O51" s="41"/>
      <c r="P51" s="41"/>
      <c r="Q51" s="41"/>
      <c r="R51" s="41"/>
      <c r="S51" s="41"/>
      <c r="T51" s="41"/>
      <c r="U51" s="41"/>
      <c r="V51" s="41"/>
      <c r="W51" s="41"/>
      <c r="X51" s="41"/>
      <c r="Y51" s="41"/>
      <c r="Z51" s="41"/>
      <c r="AA51" s="41"/>
      <c r="AB51" s="41"/>
      <c r="AC51" s="127"/>
      <c r="AD51" s="41"/>
      <c r="AE51" s="41"/>
      <c r="AF51" s="41"/>
      <c r="AG51" s="41" t="s">
        <v>28</v>
      </c>
      <c r="AH51" s="41"/>
      <c r="AI51" s="41"/>
      <c r="AJ51" s="41"/>
      <c r="AK51" s="41"/>
      <c r="AL51" s="41"/>
      <c r="AM51" s="41"/>
      <c r="AN51" s="41"/>
      <c r="AO51" s="41"/>
      <c r="AP51" s="41"/>
      <c r="AQ51" s="41"/>
      <c r="AR51" s="41"/>
      <c r="AS51" s="41"/>
      <c r="AT51" s="41"/>
      <c r="AU51" s="41"/>
      <c r="AV51" s="41"/>
      <c r="AW51" s="41"/>
      <c r="AX51" s="41"/>
      <c r="AY51" s="41"/>
      <c r="AZ51" s="41"/>
      <c r="BA51" s="41"/>
      <c r="BB51" s="41"/>
      <c r="BC51" s="41"/>
      <c r="BD51" s="42"/>
    </row>
    <row r="52" spans="1:56" s="40" customFormat="1" ht="18" customHeight="1" x14ac:dyDescent="0.2">
      <c r="A52" s="127"/>
      <c r="B52" s="41"/>
      <c r="C52" s="41"/>
      <c r="D52" s="41"/>
      <c r="E52" s="41" t="s">
        <v>29</v>
      </c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  <c r="W52" s="41"/>
      <c r="X52" s="41"/>
      <c r="Y52" s="41"/>
      <c r="Z52" s="41"/>
      <c r="AA52" s="41"/>
      <c r="AB52" s="41"/>
      <c r="AC52" s="127"/>
      <c r="AD52" s="41"/>
      <c r="AE52" s="41"/>
      <c r="AF52" s="41"/>
      <c r="AG52" s="41" t="s">
        <v>29</v>
      </c>
      <c r="AH52" s="41"/>
      <c r="AI52" s="41"/>
      <c r="AJ52" s="41"/>
      <c r="AK52" s="41"/>
      <c r="AL52" s="41"/>
      <c r="AM52" s="41"/>
      <c r="AN52" s="41"/>
      <c r="AO52" s="41"/>
      <c r="AP52" s="41"/>
      <c r="AQ52" s="41"/>
      <c r="AR52" s="41"/>
      <c r="AS52" s="41"/>
      <c r="AT52" s="41"/>
      <c r="AU52" s="41"/>
      <c r="AV52" s="41"/>
      <c r="AW52" s="41"/>
      <c r="AX52" s="41"/>
      <c r="AY52" s="41"/>
      <c r="AZ52" s="41"/>
      <c r="BA52" s="41"/>
      <c r="BB52" s="41"/>
      <c r="BC52" s="41"/>
      <c r="BD52" s="42"/>
    </row>
    <row r="53" spans="1:56" s="40" customFormat="1" ht="18" customHeight="1" x14ac:dyDescent="0.2">
      <c r="A53" s="127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  <c r="W53" s="41"/>
      <c r="X53" s="41"/>
      <c r="Y53" s="41"/>
      <c r="Z53" s="41"/>
      <c r="AA53" s="41"/>
      <c r="AB53" s="41"/>
      <c r="AC53" s="127"/>
      <c r="AD53" s="41"/>
      <c r="AE53" s="41"/>
      <c r="AF53" s="41"/>
      <c r="AG53" s="41"/>
      <c r="AH53" s="41"/>
      <c r="AI53" s="41"/>
      <c r="AJ53" s="41"/>
      <c r="AK53" s="41"/>
      <c r="AL53" s="41"/>
      <c r="AM53" s="41"/>
      <c r="AN53" s="41"/>
      <c r="AO53" s="41"/>
      <c r="AP53" s="41"/>
      <c r="AQ53" s="41"/>
      <c r="AR53" s="41"/>
      <c r="AS53" s="41"/>
      <c r="AT53" s="41"/>
      <c r="AU53" s="41"/>
      <c r="AV53" s="41"/>
      <c r="AW53" s="41"/>
      <c r="AX53" s="41"/>
      <c r="AY53" s="41"/>
      <c r="AZ53" s="41"/>
      <c r="BA53" s="41"/>
      <c r="BB53" s="41"/>
      <c r="BC53" s="41"/>
      <c r="BD53" s="42"/>
    </row>
    <row r="54" spans="1:56" s="40" customFormat="1" ht="18" customHeight="1" x14ac:dyDescent="0.2">
      <c r="A54" s="127"/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  <c r="W54" s="41"/>
      <c r="X54" s="41"/>
      <c r="Y54" s="41"/>
      <c r="Z54" s="41"/>
      <c r="AA54" s="41"/>
      <c r="AB54" s="41"/>
      <c r="AC54" s="127"/>
      <c r="AD54" s="41"/>
      <c r="AE54" s="41"/>
      <c r="AF54" s="41"/>
      <c r="AG54" s="41"/>
      <c r="AH54" s="41"/>
      <c r="AI54" s="41"/>
      <c r="AJ54" s="41"/>
      <c r="AK54" s="41"/>
      <c r="AL54" s="41"/>
      <c r="AM54" s="41"/>
      <c r="AN54" s="41"/>
      <c r="AO54" s="41"/>
      <c r="AP54" s="41"/>
      <c r="AQ54" s="41"/>
      <c r="AR54" s="41"/>
      <c r="AS54" s="41"/>
      <c r="AT54" s="41"/>
      <c r="AU54" s="41"/>
      <c r="AV54" s="41"/>
      <c r="AW54" s="41"/>
      <c r="AX54" s="41"/>
      <c r="AY54" s="41"/>
      <c r="AZ54" s="41"/>
      <c r="BA54" s="41"/>
      <c r="BB54" s="41"/>
      <c r="BC54" s="41"/>
      <c r="BD54" s="42"/>
    </row>
    <row r="55" spans="1:56" s="40" customFormat="1" ht="18" customHeight="1" x14ac:dyDescent="0.2">
      <c r="A55" s="127"/>
      <c r="B55" s="41"/>
      <c r="C55" s="41"/>
      <c r="D55" s="41"/>
      <c r="E55" s="41"/>
      <c r="F55" s="41"/>
      <c r="G55" s="41"/>
      <c r="H55" s="41"/>
      <c r="I55" s="41"/>
      <c r="J55" s="41"/>
      <c r="K55" s="41"/>
      <c r="L55" s="41"/>
      <c r="M55" s="41"/>
      <c r="N55" s="41"/>
      <c r="O55" s="41"/>
      <c r="P55" s="41"/>
      <c r="Q55" s="41"/>
      <c r="R55" s="41"/>
      <c r="S55" s="41"/>
      <c r="T55" s="41"/>
      <c r="U55" s="41"/>
      <c r="V55" s="41"/>
      <c r="W55" s="41"/>
      <c r="X55" s="41"/>
      <c r="Y55" s="41"/>
      <c r="Z55" s="41"/>
      <c r="AA55" s="41"/>
      <c r="AB55" s="41"/>
      <c r="AC55" s="127"/>
      <c r="AD55" s="41"/>
      <c r="AE55" s="41"/>
      <c r="AF55" s="41"/>
      <c r="AG55" s="41"/>
      <c r="AH55" s="41"/>
      <c r="AI55" s="41"/>
      <c r="AJ55" s="41"/>
      <c r="AK55" s="41"/>
      <c r="AL55" s="41"/>
      <c r="AM55" s="41"/>
      <c r="AN55" s="41"/>
      <c r="AO55" s="41"/>
      <c r="AP55" s="41"/>
      <c r="AQ55" s="41"/>
      <c r="AR55" s="41"/>
      <c r="AS55" s="41"/>
      <c r="AT55" s="41"/>
      <c r="AU55" s="41"/>
      <c r="AV55" s="41"/>
      <c r="AW55" s="41"/>
      <c r="AX55" s="41"/>
      <c r="AY55" s="41"/>
      <c r="AZ55" s="41"/>
      <c r="BA55" s="41"/>
      <c r="BB55" s="41"/>
      <c r="BC55" s="41"/>
      <c r="BD55" s="42"/>
    </row>
    <row r="56" spans="1:56" s="40" customFormat="1" ht="18" customHeight="1" x14ac:dyDescent="0.2">
      <c r="A56" s="127"/>
      <c r="B56" s="41"/>
      <c r="C56" s="41"/>
      <c r="D56" s="41"/>
      <c r="E56" s="41"/>
      <c r="F56" s="41"/>
      <c r="G56" s="41"/>
      <c r="H56" s="41"/>
      <c r="I56" s="41"/>
      <c r="J56" s="41"/>
      <c r="K56" s="41"/>
      <c r="L56" s="41"/>
      <c r="M56" s="41"/>
      <c r="N56" s="41"/>
      <c r="O56" s="41"/>
      <c r="P56" s="41"/>
      <c r="Q56" s="41"/>
      <c r="R56" s="41"/>
      <c r="S56" s="41"/>
      <c r="T56" s="41"/>
      <c r="U56" s="41"/>
      <c r="V56" s="41"/>
      <c r="W56" s="41"/>
      <c r="X56" s="41"/>
      <c r="Y56" s="41"/>
      <c r="Z56" s="41"/>
      <c r="AA56" s="41"/>
      <c r="AB56" s="41"/>
      <c r="AC56" s="127"/>
      <c r="AD56" s="41"/>
      <c r="AE56" s="41"/>
      <c r="AF56" s="41"/>
      <c r="AG56" s="41"/>
      <c r="AH56" s="41"/>
      <c r="AI56" s="41"/>
      <c r="AJ56" s="41"/>
      <c r="AK56" s="41"/>
      <c r="AL56" s="41"/>
      <c r="AM56" s="41"/>
      <c r="AN56" s="41"/>
      <c r="AO56" s="41"/>
      <c r="AP56" s="41"/>
      <c r="AQ56" s="41"/>
      <c r="AR56" s="41"/>
      <c r="AS56" s="41"/>
      <c r="AT56" s="41"/>
      <c r="AU56" s="41"/>
      <c r="AV56" s="41"/>
      <c r="AW56" s="41"/>
      <c r="AX56" s="41"/>
      <c r="AY56" s="41"/>
      <c r="AZ56" s="41"/>
      <c r="BA56" s="41"/>
      <c r="BB56" s="41"/>
      <c r="BC56" s="41"/>
      <c r="BD56" s="42"/>
    </row>
    <row r="57" spans="1:56" s="40" customFormat="1" ht="18" customHeight="1" x14ac:dyDescent="0.2">
      <c r="A57" s="128"/>
      <c r="B57" s="43"/>
      <c r="C57" s="43"/>
      <c r="D57" s="43"/>
      <c r="E57" s="43"/>
      <c r="F57" s="43"/>
      <c r="G57" s="43"/>
      <c r="H57" s="43"/>
      <c r="I57" s="43"/>
      <c r="J57" s="43"/>
      <c r="K57" s="43"/>
      <c r="L57" s="43"/>
      <c r="M57" s="43"/>
      <c r="N57" s="43"/>
      <c r="O57" s="43"/>
      <c r="P57" s="43"/>
      <c r="Q57" s="43"/>
      <c r="R57" s="43"/>
      <c r="S57" s="43"/>
      <c r="T57" s="43"/>
      <c r="U57" s="43"/>
      <c r="V57" s="43"/>
      <c r="W57" s="43"/>
      <c r="X57" s="43"/>
      <c r="Y57" s="43"/>
      <c r="Z57" s="43"/>
      <c r="AA57" s="43"/>
      <c r="AB57" s="43"/>
      <c r="AC57" s="128"/>
      <c r="AD57" s="43"/>
      <c r="AE57" s="43"/>
      <c r="AF57" s="43"/>
      <c r="AG57" s="43"/>
      <c r="AH57" s="43"/>
      <c r="AI57" s="43"/>
      <c r="AJ57" s="43"/>
      <c r="AK57" s="43"/>
      <c r="AL57" s="43"/>
      <c r="AM57" s="43"/>
      <c r="AN57" s="43"/>
      <c r="AO57" s="43"/>
      <c r="AP57" s="43"/>
      <c r="AQ57" s="43"/>
      <c r="AR57" s="43"/>
      <c r="AS57" s="43"/>
      <c r="AT57" s="43"/>
      <c r="AU57" s="43"/>
      <c r="AV57" s="43"/>
      <c r="AW57" s="43"/>
      <c r="AX57" s="43"/>
      <c r="AY57" s="43"/>
      <c r="AZ57" s="43"/>
      <c r="BA57" s="43"/>
      <c r="BB57" s="43"/>
      <c r="BC57" s="43"/>
      <c r="BD57" s="44"/>
    </row>
    <row r="58" spans="1:56" s="40" customFormat="1" ht="18" customHeight="1" x14ac:dyDescent="0.2">
      <c r="A58" s="37">
        <f>AC44+1</f>
        <v>9</v>
      </c>
      <c r="B58" s="38"/>
      <c r="C58" s="38"/>
      <c r="D58" s="38"/>
      <c r="E58" s="38"/>
      <c r="F58" s="38"/>
      <c r="G58" s="38"/>
      <c r="H58" s="38"/>
      <c r="I58" s="38"/>
      <c r="J58" s="38"/>
      <c r="K58" s="38"/>
      <c r="L58" s="38"/>
      <c r="M58" s="38"/>
      <c r="N58" s="38"/>
      <c r="O58" s="38"/>
      <c r="P58" s="38"/>
      <c r="Q58" s="38"/>
      <c r="R58" s="38"/>
      <c r="S58" s="38"/>
      <c r="T58" s="38"/>
      <c r="U58" s="38"/>
      <c r="V58" s="38"/>
      <c r="W58" s="38"/>
      <c r="X58" s="38"/>
      <c r="Y58" s="38"/>
      <c r="Z58" s="38"/>
      <c r="AA58" s="38"/>
      <c r="AB58" s="38"/>
      <c r="AC58" s="37">
        <f>A58+1</f>
        <v>10</v>
      </c>
      <c r="AD58" s="38"/>
      <c r="AE58" s="38"/>
      <c r="AF58" s="38"/>
      <c r="AG58" s="38"/>
      <c r="AH58" s="38"/>
      <c r="AI58" s="38"/>
      <c r="AJ58" s="38"/>
      <c r="AK58" s="38"/>
      <c r="AL58" s="38"/>
      <c r="AM58" s="38"/>
      <c r="AN58" s="38"/>
      <c r="AO58" s="38"/>
      <c r="AP58" s="38"/>
      <c r="AQ58" s="38"/>
      <c r="AR58" s="38"/>
      <c r="AS58" s="38"/>
      <c r="AT58" s="38"/>
      <c r="AU58" s="38"/>
      <c r="AV58" s="38"/>
      <c r="AW58" s="38"/>
      <c r="AX58" s="38"/>
      <c r="AY58" s="38"/>
      <c r="AZ58" s="38"/>
      <c r="BA58" s="38"/>
      <c r="BB58" s="38"/>
      <c r="BC58" s="38"/>
      <c r="BD58" s="39"/>
    </row>
    <row r="59" spans="1:56" s="40" customFormat="1" ht="18" customHeight="1" x14ac:dyDescent="0.2">
      <c r="A59" s="124" t="s">
        <v>30</v>
      </c>
      <c r="B59" s="41"/>
      <c r="C59" s="41"/>
      <c r="D59" s="41"/>
      <c r="E59" s="41"/>
      <c r="F59" s="41"/>
      <c r="G59" s="41"/>
      <c r="H59" s="41"/>
      <c r="I59" s="41"/>
      <c r="J59" s="41"/>
      <c r="K59" s="41"/>
      <c r="L59" s="41"/>
      <c r="M59" s="41"/>
      <c r="N59" s="41"/>
      <c r="O59" s="41"/>
      <c r="P59" s="41"/>
      <c r="Q59" s="41"/>
      <c r="R59" s="41"/>
      <c r="S59" s="41"/>
      <c r="T59" s="41"/>
      <c r="U59" s="41"/>
      <c r="V59" s="41"/>
      <c r="W59" s="41"/>
      <c r="X59" s="41"/>
      <c r="Y59" s="41"/>
      <c r="Z59" s="41"/>
      <c r="AA59" s="41"/>
      <c r="AB59" s="41"/>
      <c r="AC59" s="124" t="s">
        <v>30</v>
      </c>
      <c r="AD59" s="41"/>
      <c r="AE59" s="41"/>
      <c r="AF59" s="41"/>
      <c r="AG59" s="41"/>
      <c r="AH59" s="41"/>
      <c r="AI59" s="41"/>
      <c r="AJ59" s="41"/>
      <c r="AK59" s="41"/>
      <c r="AL59" s="41"/>
      <c r="AM59" s="41"/>
      <c r="AN59" s="41"/>
      <c r="AO59" s="41"/>
      <c r="AP59" s="41"/>
      <c r="AQ59" s="41"/>
      <c r="AR59" s="41"/>
      <c r="AS59" s="41"/>
      <c r="AT59" s="41"/>
      <c r="AU59" s="41"/>
      <c r="AV59" s="41"/>
      <c r="AW59" s="41"/>
      <c r="AX59" s="41"/>
      <c r="AY59" s="41"/>
      <c r="AZ59" s="41"/>
      <c r="BA59" s="41"/>
      <c r="BB59" s="41"/>
      <c r="BC59" s="41"/>
      <c r="BD59" s="42"/>
    </row>
    <row r="60" spans="1:56" s="40" customFormat="1" ht="18" customHeight="1" x14ac:dyDescent="0.2">
      <c r="A60" s="124"/>
      <c r="B60" s="41"/>
      <c r="C60" s="41"/>
      <c r="D60" s="41"/>
      <c r="E60" s="41"/>
      <c r="F60" s="41"/>
      <c r="G60" s="41"/>
      <c r="H60" s="41"/>
      <c r="I60" s="41"/>
      <c r="J60" s="41"/>
      <c r="K60" s="41"/>
      <c r="L60" s="41"/>
      <c r="M60" s="41"/>
      <c r="N60" s="41"/>
      <c r="O60" s="41"/>
      <c r="P60" s="41"/>
      <c r="Q60" s="41"/>
      <c r="R60" s="41"/>
      <c r="S60" s="41"/>
      <c r="T60" s="41"/>
      <c r="U60" s="41"/>
      <c r="V60" s="41"/>
      <c r="W60" s="41"/>
      <c r="X60" s="41"/>
      <c r="Y60" s="41"/>
      <c r="Z60" s="41"/>
      <c r="AA60" s="41"/>
      <c r="AB60" s="41"/>
      <c r="AC60" s="124"/>
      <c r="AD60" s="41"/>
      <c r="AE60" s="41"/>
      <c r="AF60" s="41"/>
      <c r="AG60" s="41"/>
      <c r="AH60" s="41"/>
      <c r="AI60" s="41"/>
      <c r="AJ60" s="41"/>
      <c r="AK60" s="41"/>
      <c r="AL60" s="41"/>
      <c r="AM60" s="41"/>
      <c r="AN60" s="41"/>
      <c r="AO60" s="41"/>
      <c r="AP60" s="41"/>
      <c r="AQ60" s="41"/>
      <c r="AR60" s="41"/>
      <c r="AS60" s="41"/>
      <c r="AT60" s="41"/>
      <c r="AU60" s="41"/>
      <c r="AV60" s="41"/>
      <c r="AW60" s="41"/>
      <c r="AX60" s="41"/>
      <c r="AY60" s="41"/>
      <c r="AZ60" s="41"/>
      <c r="BA60" s="41"/>
      <c r="BB60" s="41"/>
      <c r="BC60" s="41"/>
      <c r="BD60" s="42"/>
    </row>
    <row r="61" spans="1:56" s="40" customFormat="1" ht="18" customHeight="1" x14ac:dyDescent="0.2">
      <c r="A61" s="124"/>
      <c r="B61" s="41"/>
      <c r="C61" s="41"/>
      <c r="D61" s="41"/>
      <c r="E61" s="41"/>
      <c r="F61" s="41"/>
      <c r="G61" s="41"/>
      <c r="H61" s="41"/>
      <c r="I61" s="41"/>
      <c r="J61" s="41"/>
      <c r="K61" s="41"/>
      <c r="L61" s="41"/>
      <c r="M61" s="41"/>
      <c r="N61" s="41"/>
      <c r="O61" s="41"/>
      <c r="P61" s="41"/>
      <c r="Q61" s="41"/>
      <c r="R61" s="41"/>
      <c r="S61" s="41"/>
      <c r="T61" s="41"/>
      <c r="U61" s="41"/>
      <c r="V61" s="41"/>
      <c r="W61" s="41"/>
      <c r="X61" s="41"/>
      <c r="Y61" s="41"/>
      <c r="Z61" s="41"/>
      <c r="AA61" s="41"/>
      <c r="AB61" s="41"/>
      <c r="AC61" s="124"/>
      <c r="AD61" s="41"/>
      <c r="AE61" s="41"/>
      <c r="AF61" s="41"/>
      <c r="AG61" s="41"/>
      <c r="AH61" s="41"/>
      <c r="AI61" s="41"/>
      <c r="AJ61" s="41"/>
      <c r="AK61" s="41"/>
      <c r="AL61" s="41"/>
      <c r="AM61" s="41"/>
      <c r="AN61" s="41"/>
      <c r="AO61" s="41"/>
      <c r="AP61" s="41"/>
      <c r="AQ61" s="41"/>
      <c r="AR61" s="41"/>
      <c r="AS61" s="41"/>
      <c r="AT61" s="41"/>
      <c r="AU61" s="41"/>
      <c r="AV61" s="41"/>
      <c r="AW61" s="41"/>
      <c r="AX61" s="41"/>
      <c r="AY61" s="41"/>
      <c r="AZ61" s="41"/>
      <c r="BA61" s="41"/>
      <c r="BB61" s="41"/>
      <c r="BC61" s="41"/>
      <c r="BD61" s="42"/>
    </row>
    <row r="62" spans="1:56" s="40" customFormat="1" ht="18" customHeight="1" x14ac:dyDescent="0.2">
      <c r="A62" s="124"/>
      <c r="B62" s="41"/>
      <c r="C62" s="41"/>
      <c r="D62" s="41"/>
      <c r="E62" s="41"/>
      <c r="F62" s="41"/>
      <c r="G62" s="41"/>
      <c r="H62" s="41"/>
      <c r="I62" s="41"/>
      <c r="J62" s="41"/>
      <c r="K62" s="41"/>
      <c r="L62" s="41"/>
      <c r="M62" s="41"/>
      <c r="N62" s="41"/>
      <c r="O62" s="41"/>
      <c r="P62" s="41"/>
      <c r="Q62" s="41"/>
      <c r="R62" s="41"/>
      <c r="S62" s="41"/>
      <c r="T62" s="41"/>
      <c r="U62" s="41"/>
      <c r="V62" s="41"/>
      <c r="W62" s="41"/>
      <c r="X62" s="41"/>
      <c r="Y62" s="41"/>
      <c r="Z62" s="41"/>
      <c r="AA62" s="41"/>
      <c r="AB62" s="41"/>
      <c r="AC62" s="124"/>
      <c r="AD62" s="41"/>
      <c r="AE62" s="41"/>
      <c r="AF62" s="41"/>
      <c r="AG62" s="41"/>
      <c r="AH62" s="41"/>
      <c r="AI62" s="41"/>
      <c r="AJ62" s="41"/>
      <c r="AK62" s="41"/>
      <c r="AL62" s="41"/>
      <c r="AM62" s="41"/>
      <c r="AN62" s="41"/>
      <c r="AO62" s="41"/>
      <c r="AP62" s="41"/>
      <c r="AQ62" s="41"/>
      <c r="AR62" s="41"/>
      <c r="AS62" s="41"/>
      <c r="AT62" s="41"/>
      <c r="AU62" s="41"/>
      <c r="AV62" s="41"/>
      <c r="AW62" s="41"/>
      <c r="AX62" s="41"/>
      <c r="AY62" s="41"/>
      <c r="AZ62" s="41"/>
      <c r="BA62" s="41"/>
      <c r="BB62" s="41"/>
      <c r="BC62" s="41"/>
      <c r="BD62" s="42"/>
    </row>
    <row r="63" spans="1:56" s="40" customFormat="1" ht="18" customHeight="1" x14ac:dyDescent="0.2">
      <c r="A63" s="124"/>
      <c r="B63" s="41"/>
      <c r="C63" s="41"/>
      <c r="D63" s="41"/>
      <c r="E63" s="41"/>
      <c r="F63" s="41"/>
      <c r="G63" s="41"/>
      <c r="H63" s="41"/>
      <c r="I63" s="41"/>
      <c r="J63" s="41"/>
      <c r="K63" s="41"/>
      <c r="L63" s="41"/>
      <c r="M63" s="41"/>
      <c r="N63" s="41"/>
      <c r="O63" s="41"/>
      <c r="P63" s="41"/>
      <c r="Q63" s="41"/>
      <c r="R63" s="41"/>
      <c r="S63" s="41"/>
      <c r="T63" s="41"/>
      <c r="U63" s="41"/>
      <c r="V63" s="41"/>
      <c r="W63" s="41"/>
      <c r="X63" s="41"/>
      <c r="Y63" s="41"/>
      <c r="Z63" s="41"/>
      <c r="AA63" s="41"/>
      <c r="AB63" s="41"/>
      <c r="AC63" s="124"/>
      <c r="AD63" s="41"/>
      <c r="AE63" s="41"/>
      <c r="AF63" s="41"/>
      <c r="AG63" s="41"/>
      <c r="AH63" s="41"/>
      <c r="AI63" s="41"/>
      <c r="AJ63" s="41"/>
      <c r="AK63" s="41"/>
      <c r="AL63" s="41"/>
      <c r="AM63" s="41"/>
      <c r="AN63" s="41"/>
      <c r="AO63" s="41"/>
      <c r="AP63" s="41"/>
      <c r="AQ63" s="41"/>
      <c r="AR63" s="41"/>
      <c r="AS63" s="41"/>
      <c r="AT63" s="41"/>
      <c r="AU63" s="41"/>
      <c r="AV63" s="41"/>
      <c r="AW63" s="41"/>
      <c r="AX63" s="41"/>
      <c r="AY63" s="41"/>
      <c r="AZ63" s="41"/>
      <c r="BA63" s="41"/>
      <c r="BB63" s="41"/>
      <c r="BC63" s="41"/>
      <c r="BD63" s="42"/>
    </row>
    <row r="64" spans="1:56" s="40" customFormat="1" ht="18" customHeight="1" x14ac:dyDescent="0.2">
      <c r="A64" s="124"/>
      <c r="B64" s="41"/>
      <c r="C64" s="126" t="str">
        <f>A59</f>
        <v>その他（内容を記入）</v>
      </c>
      <c r="D64" s="126"/>
      <c r="E64" s="126"/>
      <c r="F64" s="126"/>
      <c r="G64" s="126"/>
      <c r="H64" s="126"/>
      <c r="I64" s="126"/>
      <c r="J64" s="126"/>
      <c r="K64" s="126"/>
      <c r="L64" s="126"/>
      <c r="M64" s="126"/>
      <c r="N64" s="126"/>
      <c r="O64" s="126"/>
      <c r="P64" s="126"/>
      <c r="Q64" s="126"/>
      <c r="R64" s="126"/>
      <c r="S64" s="126"/>
      <c r="T64" s="126"/>
      <c r="U64" s="126"/>
      <c r="V64" s="126"/>
      <c r="W64" s="126"/>
      <c r="X64" s="126"/>
      <c r="Y64" s="126"/>
      <c r="Z64" s="126"/>
      <c r="AA64" s="126"/>
      <c r="AB64" s="41"/>
      <c r="AC64" s="124"/>
      <c r="AD64" s="41"/>
      <c r="AE64" s="126" t="str">
        <f>AC59</f>
        <v>その他（内容を記入）</v>
      </c>
      <c r="AF64" s="126"/>
      <c r="AG64" s="126"/>
      <c r="AH64" s="126"/>
      <c r="AI64" s="126"/>
      <c r="AJ64" s="126"/>
      <c r="AK64" s="126"/>
      <c r="AL64" s="126"/>
      <c r="AM64" s="126"/>
      <c r="AN64" s="126"/>
      <c r="AO64" s="126"/>
      <c r="AP64" s="126"/>
      <c r="AQ64" s="126"/>
      <c r="AR64" s="126"/>
      <c r="AS64" s="126"/>
      <c r="AT64" s="126"/>
      <c r="AU64" s="126"/>
      <c r="AV64" s="126"/>
      <c r="AW64" s="126"/>
      <c r="AX64" s="126"/>
      <c r="AY64" s="126"/>
      <c r="AZ64" s="126"/>
      <c r="BA64" s="126"/>
      <c r="BB64" s="126"/>
      <c r="BC64" s="126"/>
      <c r="BD64" s="42"/>
    </row>
    <row r="65" spans="1:56" s="40" customFormat="1" ht="18" customHeight="1" x14ac:dyDescent="0.2">
      <c r="A65" s="124"/>
      <c r="B65" s="41"/>
      <c r="C65" s="41"/>
      <c r="D65" s="41"/>
      <c r="E65" s="41" t="s">
        <v>104</v>
      </c>
      <c r="F65" s="41"/>
      <c r="G65" s="41"/>
      <c r="H65" s="41"/>
      <c r="I65" s="41"/>
      <c r="J65" s="41"/>
      <c r="K65" s="41"/>
      <c r="L65" s="41"/>
      <c r="M65" s="41"/>
      <c r="N65" s="41"/>
      <c r="O65" s="41"/>
      <c r="P65" s="41"/>
      <c r="Q65" s="41"/>
      <c r="R65" s="41"/>
      <c r="S65" s="41"/>
      <c r="T65" s="41"/>
      <c r="U65" s="41"/>
      <c r="V65" s="41"/>
      <c r="W65" s="41"/>
      <c r="X65" s="41"/>
      <c r="Y65" s="41"/>
      <c r="Z65" s="41"/>
      <c r="AA65" s="41"/>
      <c r="AB65" s="41"/>
      <c r="AC65" s="124"/>
      <c r="AD65" s="41"/>
      <c r="AE65" s="41"/>
      <c r="AF65" s="41"/>
      <c r="AG65" s="41" t="s">
        <v>103</v>
      </c>
      <c r="AH65" s="41"/>
      <c r="AI65" s="41"/>
      <c r="AJ65" s="41"/>
      <c r="AK65" s="41"/>
      <c r="AL65" s="41"/>
      <c r="AM65" s="41"/>
      <c r="AN65" s="41"/>
      <c r="AO65" s="41"/>
      <c r="AP65" s="41"/>
      <c r="AQ65" s="41"/>
      <c r="AR65" s="41"/>
      <c r="AS65" s="41"/>
      <c r="AT65" s="41"/>
      <c r="AU65" s="41"/>
      <c r="AV65" s="41"/>
      <c r="AW65" s="41"/>
      <c r="AX65" s="41"/>
      <c r="AY65" s="41"/>
      <c r="AZ65" s="41"/>
      <c r="BA65" s="41"/>
      <c r="BB65" s="41"/>
      <c r="BC65" s="41"/>
      <c r="BD65" s="42"/>
    </row>
    <row r="66" spans="1:56" s="40" customFormat="1" ht="18" customHeight="1" x14ac:dyDescent="0.2">
      <c r="A66" s="124"/>
      <c r="B66" s="41"/>
      <c r="C66" s="41"/>
      <c r="D66" s="41"/>
      <c r="F66" s="41"/>
      <c r="G66" s="41"/>
      <c r="H66" s="41"/>
      <c r="I66" s="41"/>
      <c r="J66" s="41"/>
      <c r="K66" s="41"/>
      <c r="L66" s="41"/>
      <c r="M66" s="41"/>
      <c r="N66" s="41"/>
      <c r="O66" s="41"/>
      <c r="P66" s="41"/>
      <c r="Q66" s="41"/>
      <c r="R66" s="41"/>
      <c r="S66" s="41"/>
      <c r="T66" s="41"/>
      <c r="U66" s="41"/>
      <c r="V66" s="41"/>
      <c r="W66" s="41"/>
      <c r="X66" s="41"/>
      <c r="Y66" s="41"/>
      <c r="Z66" s="41"/>
      <c r="AA66" s="41"/>
      <c r="AB66" s="41"/>
      <c r="AC66" s="124"/>
      <c r="AD66" s="41"/>
      <c r="AE66" s="41"/>
      <c r="AF66" s="41"/>
      <c r="AH66" s="41"/>
      <c r="AI66" s="41"/>
      <c r="AJ66" s="41"/>
      <c r="AK66" s="41"/>
      <c r="AL66" s="41"/>
      <c r="AM66" s="41"/>
      <c r="AN66" s="41"/>
      <c r="AO66" s="41"/>
      <c r="AP66" s="41"/>
      <c r="AQ66" s="41"/>
      <c r="AR66" s="41"/>
      <c r="AS66" s="41"/>
      <c r="AT66" s="41"/>
      <c r="AU66" s="41"/>
      <c r="AV66" s="41"/>
      <c r="AW66" s="41"/>
      <c r="AX66" s="41"/>
      <c r="AY66" s="41"/>
      <c r="AZ66" s="41"/>
      <c r="BA66" s="41"/>
      <c r="BB66" s="41"/>
      <c r="BC66" s="41"/>
      <c r="BD66" s="42"/>
    </row>
    <row r="67" spans="1:56" s="40" customFormat="1" ht="18" customHeight="1" x14ac:dyDescent="0.2">
      <c r="A67" s="124"/>
      <c r="B67" s="41"/>
      <c r="C67" s="41"/>
      <c r="D67" s="41"/>
      <c r="E67" s="41"/>
      <c r="F67" s="41"/>
      <c r="G67" s="41"/>
      <c r="H67" s="41"/>
      <c r="I67" s="41"/>
      <c r="J67" s="41"/>
      <c r="K67" s="41"/>
      <c r="L67" s="41"/>
      <c r="M67" s="41"/>
      <c r="N67" s="41"/>
      <c r="O67" s="41"/>
      <c r="P67" s="41"/>
      <c r="Q67" s="41"/>
      <c r="R67" s="41"/>
      <c r="S67" s="41"/>
      <c r="T67" s="41"/>
      <c r="U67" s="41"/>
      <c r="V67" s="41"/>
      <c r="W67" s="41"/>
      <c r="X67" s="41"/>
      <c r="Y67" s="41"/>
      <c r="Z67" s="41"/>
      <c r="AA67" s="41"/>
      <c r="AB67" s="41"/>
      <c r="AC67" s="124"/>
      <c r="AD67" s="41"/>
      <c r="AE67" s="41"/>
      <c r="AF67" s="41"/>
      <c r="AG67" s="41"/>
      <c r="AH67" s="41"/>
      <c r="AI67" s="41"/>
      <c r="AJ67" s="41"/>
      <c r="AK67" s="41"/>
      <c r="AL67" s="41"/>
      <c r="AM67" s="41"/>
      <c r="AN67" s="41"/>
      <c r="AO67" s="41"/>
      <c r="AP67" s="41"/>
      <c r="AQ67" s="41"/>
      <c r="AR67" s="41"/>
      <c r="AS67" s="41"/>
      <c r="AT67" s="41"/>
      <c r="AU67" s="41"/>
      <c r="AV67" s="41"/>
      <c r="AW67" s="41"/>
      <c r="AX67" s="41"/>
      <c r="AY67" s="41"/>
      <c r="AZ67" s="41"/>
      <c r="BA67" s="41"/>
      <c r="BB67" s="41"/>
      <c r="BC67" s="41"/>
      <c r="BD67" s="42"/>
    </row>
    <row r="68" spans="1:56" s="40" customFormat="1" ht="18" customHeight="1" x14ac:dyDescent="0.2">
      <c r="A68" s="124"/>
      <c r="B68" s="41"/>
      <c r="C68" s="41"/>
      <c r="D68" s="41"/>
      <c r="E68" s="41"/>
      <c r="F68" s="41"/>
      <c r="G68" s="41"/>
      <c r="H68" s="41"/>
      <c r="I68" s="41"/>
      <c r="J68" s="41"/>
      <c r="K68" s="41"/>
      <c r="L68" s="41"/>
      <c r="M68" s="41"/>
      <c r="N68" s="41"/>
      <c r="O68" s="41"/>
      <c r="P68" s="41"/>
      <c r="Q68" s="41"/>
      <c r="R68" s="41"/>
      <c r="S68" s="41"/>
      <c r="T68" s="41"/>
      <c r="U68" s="41"/>
      <c r="V68" s="41"/>
      <c r="W68" s="41"/>
      <c r="X68" s="41"/>
      <c r="Y68" s="41"/>
      <c r="Z68" s="41"/>
      <c r="AA68" s="41"/>
      <c r="AB68" s="41"/>
      <c r="AC68" s="124"/>
      <c r="AD68" s="41"/>
      <c r="AE68" s="41"/>
      <c r="AF68" s="41"/>
      <c r="AG68" s="41"/>
      <c r="AH68" s="41"/>
      <c r="AI68" s="41"/>
      <c r="AJ68" s="41"/>
      <c r="AK68" s="41"/>
      <c r="AL68" s="41"/>
      <c r="AM68" s="41"/>
      <c r="AN68" s="41"/>
      <c r="AO68" s="41"/>
      <c r="AP68" s="41"/>
      <c r="AQ68" s="41"/>
      <c r="AR68" s="41"/>
      <c r="AS68" s="41"/>
      <c r="AT68" s="41"/>
      <c r="AU68" s="41"/>
      <c r="AV68" s="41"/>
      <c r="AW68" s="41"/>
      <c r="AX68" s="41"/>
      <c r="AY68" s="41"/>
      <c r="AZ68" s="41"/>
      <c r="BA68" s="41"/>
      <c r="BB68" s="41"/>
      <c r="BC68" s="41"/>
      <c r="BD68" s="42"/>
    </row>
    <row r="69" spans="1:56" s="40" customFormat="1" ht="18" customHeight="1" x14ac:dyDescent="0.2">
      <c r="A69" s="124"/>
      <c r="B69" s="41"/>
      <c r="C69" s="41"/>
      <c r="D69" s="41"/>
      <c r="E69" s="41"/>
      <c r="F69" s="41"/>
      <c r="G69" s="41"/>
      <c r="H69" s="41"/>
      <c r="I69" s="41"/>
      <c r="J69" s="41"/>
      <c r="K69" s="41"/>
      <c r="L69" s="41"/>
      <c r="M69" s="41"/>
      <c r="N69" s="41"/>
      <c r="O69" s="41"/>
      <c r="P69" s="41"/>
      <c r="Q69" s="41"/>
      <c r="R69" s="41"/>
      <c r="S69" s="41"/>
      <c r="T69" s="41"/>
      <c r="U69" s="41"/>
      <c r="V69" s="41"/>
      <c r="W69" s="41"/>
      <c r="X69" s="41"/>
      <c r="Y69" s="41"/>
      <c r="Z69" s="41"/>
      <c r="AA69" s="41"/>
      <c r="AB69" s="41"/>
      <c r="AC69" s="124"/>
      <c r="AD69" s="41"/>
      <c r="AE69" s="41"/>
      <c r="AF69" s="41"/>
      <c r="AG69" s="41"/>
      <c r="AH69" s="41"/>
      <c r="AI69" s="41"/>
      <c r="AJ69" s="41"/>
      <c r="AK69" s="41"/>
      <c r="AL69" s="41"/>
      <c r="AM69" s="41"/>
      <c r="AN69" s="41"/>
      <c r="AO69" s="41"/>
      <c r="AP69" s="41"/>
      <c r="AQ69" s="41"/>
      <c r="AR69" s="41"/>
      <c r="AS69" s="41"/>
      <c r="AT69" s="41"/>
      <c r="AU69" s="41"/>
      <c r="AV69" s="41"/>
      <c r="AW69" s="41"/>
      <c r="AX69" s="41"/>
      <c r="AY69" s="41"/>
      <c r="AZ69" s="41"/>
      <c r="BA69" s="41"/>
      <c r="BB69" s="41"/>
      <c r="BC69" s="41"/>
      <c r="BD69" s="42"/>
    </row>
    <row r="70" spans="1:56" s="40" customFormat="1" ht="18" customHeight="1" x14ac:dyDescent="0.2">
      <c r="A70" s="124"/>
      <c r="B70" s="41"/>
      <c r="C70" s="41"/>
      <c r="D70" s="41"/>
      <c r="E70" s="41"/>
      <c r="F70" s="41"/>
      <c r="G70" s="41"/>
      <c r="H70" s="41"/>
      <c r="I70" s="41"/>
      <c r="J70" s="41"/>
      <c r="K70" s="41"/>
      <c r="L70" s="41"/>
      <c r="M70" s="41"/>
      <c r="N70" s="41"/>
      <c r="O70" s="41"/>
      <c r="P70" s="41"/>
      <c r="Q70" s="41"/>
      <c r="R70" s="41"/>
      <c r="S70" s="41"/>
      <c r="T70" s="41"/>
      <c r="U70" s="41"/>
      <c r="V70" s="41"/>
      <c r="W70" s="41"/>
      <c r="X70" s="41"/>
      <c r="Y70" s="41"/>
      <c r="Z70" s="41"/>
      <c r="AA70" s="41"/>
      <c r="AB70" s="41"/>
      <c r="AC70" s="124"/>
      <c r="AD70" s="41"/>
      <c r="AE70" s="41"/>
      <c r="AF70" s="41"/>
      <c r="AG70" s="41"/>
      <c r="AH70" s="41"/>
      <c r="AI70" s="41"/>
      <c r="AJ70" s="41"/>
      <c r="AK70" s="41"/>
      <c r="AL70" s="41"/>
      <c r="AM70" s="41"/>
      <c r="AN70" s="41"/>
      <c r="AO70" s="41"/>
      <c r="AP70" s="41"/>
      <c r="AQ70" s="41"/>
      <c r="AR70" s="41"/>
      <c r="AS70" s="41"/>
      <c r="AT70" s="41"/>
      <c r="AU70" s="41"/>
      <c r="AV70" s="41"/>
      <c r="AW70" s="41"/>
      <c r="AX70" s="41"/>
      <c r="AY70" s="41"/>
      <c r="AZ70" s="41"/>
      <c r="BA70" s="41"/>
      <c r="BB70" s="41"/>
      <c r="BC70" s="41"/>
      <c r="BD70" s="42"/>
    </row>
    <row r="71" spans="1:56" s="40" customFormat="1" ht="18" customHeight="1" x14ac:dyDescent="0.2">
      <c r="A71" s="125"/>
      <c r="B71" s="43"/>
      <c r="C71" s="43"/>
      <c r="D71" s="43"/>
      <c r="E71" s="43"/>
      <c r="F71" s="43"/>
      <c r="G71" s="43"/>
      <c r="H71" s="43"/>
      <c r="I71" s="43"/>
      <c r="J71" s="43"/>
      <c r="K71" s="43"/>
      <c r="L71" s="43"/>
      <c r="M71" s="43"/>
      <c r="N71" s="43"/>
      <c r="O71" s="43"/>
      <c r="P71" s="43"/>
      <c r="Q71" s="43"/>
      <c r="R71" s="43"/>
      <c r="S71" s="43"/>
      <c r="T71" s="43"/>
      <c r="U71" s="43"/>
      <c r="V71" s="43"/>
      <c r="W71" s="43"/>
      <c r="X71" s="43"/>
      <c r="Y71" s="43"/>
      <c r="Z71" s="43"/>
      <c r="AA71" s="43"/>
      <c r="AB71" s="43"/>
      <c r="AC71" s="125"/>
      <c r="AD71" s="43"/>
      <c r="AE71" s="43"/>
      <c r="AF71" s="43"/>
      <c r="AG71" s="43"/>
      <c r="AH71" s="43"/>
      <c r="AI71" s="43"/>
      <c r="AJ71" s="43"/>
      <c r="AK71" s="43"/>
      <c r="AL71" s="43"/>
      <c r="AM71" s="43"/>
      <c r="AN71" s="43"/>
      <c r="AO71" s="43"/>
      <c r="AP71" s="43"/>
      <c r="AQ71" s="43"/>
      <c r="AR71" s="43"/>
      <c r="AS71" s="43"/>
      <c r="AT71" s="43"/>
      <c r="AU71" s="43"/>
      <c r="AV71" s="43"/>
      <c r="AW71" s="43"/>
      <c r="AX71" s="43"/>
      <c r="AY71" s="43"/>
      <c r="AZ71" s="43"/>
      <c r="BA71" s="43"/>
      <c r="BB71" s="43"/>
      <c r="BC71" s="43"/>
      <c r="BD71" s="44"/>
    </row>
    <row r="72" spans="1:56" s="40" customFormat="1" ht="18" customHeight="1" x14ac:dyDescent="0.2">
      <c r="A72" s="37">
        <f>AC58+1</f>
        <v>11</v>
      </c>
      <c r="B72" s="38"/>
      <c r="C72" s="38"/>
      <c r="D72" s="38"/>
      <c r="E72" s="38"/>
      <c r="F72" s="38"/>
      <c r="G72" s="38"/>
      <c r="H72" s="38"/>
      <c r="I72" s="38"/>
      <c r="J72" s="38"/>
      <c r="K72" s="38"/>
      <c r="L72" s="38"/>
      <c r="M72" s="38"/>
      <c r="N72" s="38"/>
      <c r="O72" s="38"/>
      <c r="P72" s="38"/>
      <c r="Q72" s="38"/>
      <c r="R72" s="38"/>
      <c r="S72" s="38"/>
      <c r="T72" s="38"/>
      <c r="U72" s="38"/>
      <c r="V72" s="38"/>
      <c r="W72" s="38"/>
      <c r="X72" s="38"/>
      <c r="Y72" s="38"/>
      <c r="Z72" s="38"/>
      <c r="AA72" s="38"/>
      <c r="AB72" s="38"/>
      <c r="AC72" s="37">
        <f>A72+1</f>
        <v>12</v>
      </c>
      <c r="AD72" s="38"/>
      <c r="AE72" s="38"/>
      <c r="AF72" s="38"/>
      <c r="AG72" s="38"/>
      <c r="AH72" s="38"/>
      <c r="AI72" s="38"/>
      <c r="AJ72" s="38"/>
      <c r="AK72" s="38"/>
      <c r="AL72" s="38"/>
      <c r="AM72" s="38"/>
      <c r="AN72" s="38"/>
      <c r="AO72" s="38"/>
      <c r="AP72" s="38"/>
      <c r="AQ72" s="38"/>
      <c r="AR72" s="38"/>
      <c r="AS72" s="38"/>
      <c r="AT72" s="38"/>
      <c r="AU72" s="38"/>
      <c r="AV72" s="38"/>
      <c r="AW72" s="38"/>
      <c r="AX72" s="38"/>
      <c r="AY72" s="38"/>
      <c r="AZ72" s="38"/>
      <c r="BA72" s="38"/>
      <c r="BB72" s="38"/>
      <c r="BC72" s="38"/>
      <c r="BD72" s="39"/>
    </row>
    <row r="73" spans="1:56" s="40" customFormat="1" ht="18" customHeight="1" x14ac:dyDescent="0.2">
      <c r="A73" s="124" t="s">
        <v>30</v>
      </c>
      <c r="B73" s="41"/>
      <c r="C73" s="41"/>
      <c r="D73" s="41"/>
      <c r="E73" s="41"/>
      <c r="F73" s="41"/>
      <c r="G73" s="41"/>
      <c r="H73" s="41"/>
      <c r="I73" s="41"/>
      <c r="J73" s="41"/>
      <c r="K73" s="41"/>
      <c r="L73" s="41"/>
      <c r="M73" s="41"/>
      <c r="N73" s="41"/>
      <c r="O73" s="41"/>
      <c r="P73" s="41"/>
      <c r="Q73" s="41"/>
      <c r="R73" s="41"/>
      <c r="S73" s="41"/>
      <c r="T73" s="41"/>
      <c r="U73" s="41"/>
      <c r="V73" s="41"/>
      <c r="W73" s="41"/>
      <c r="X73" s="41"/>
      <c r="Y73" s="41"/>
      <c r="Z73" s="41"/>
      <c r="AA73" s="41"/>
      <c r="AB73" s="41"/>
      <c r="AC73" s="124" t="s">
        <v>30</v>
      </c>
      <c r="AD73" s="41"/>
      <c r="AE73" s="41"/>
      <c r="AF73" s="41"/>
      <c r="AG73" s="41"/>
      <c r="AH73" s="41"/>
      <c r="AI73" s="41"/>
      <c r="AJ73" s="41"/>
      <c r="AK73" s="41"/>
      <c r="AL73" s="41"/>
      <c r="AM73" s="41"/>
      <c r="AN73" s="41"/>
      <c r="AO73" s="41"/>
      <c r="AP73" s="41"/>
      <c r="AQ73" s="41"/>
      <c r="AR73" s="41"/>
      <c r="AS73" s="41"/>
      <c r="AT73" s="41"/>
      <c r="AU73" s="41"/>
      <c r="AV73" s="41"/>
      <c r="AW73" s="41"/>
      <c r="AX73" s="41"/>
      <c r="AY73" s="41"/>
      <c r="AZ73" s="41"/>
      <c r="BA73" s="41"/>
      <c r="BB73" s="41"/>
      <c r="BC73" s="41"/>
      <c r="BD73" s="42"/>
    </row>
    <row r="74" spans="1:56" s="40" customFormat="1" ht="18" customHeight="1" x14ac:dyDescent="0.2">
      <c r="A74" s="124"/>
      <c r="B74" s="41"/>
      <c r="C74" s="41"/>
      <c r="D74" s="41"/>
      <c r="E74" s="41"/>
      <c r="F74" s="41"/>
      <c r="G74" s="41"/>
      <c r="H74" s="41"/>
      <c r="I74" s="41"/>
      <c r="J74" s="41"/>
      <c r="K74" s="41"/>
      <c r="L74" s="41"/>
      <c r="M74" s="41"/>
      <c r="N74" s="41"/>
      <c r="O74" s="41"/>
      <c r="P74" s="41"/>
      <c r="Q74" s="41"/>
      <c r="R74" s="41"/>
      <c r="S74" s="41"/>
      <c r="T74" s="41"/>
      <c r="U74" s="41"/>
      <c r="V74" s="41"/>
      <c r="W74" s="41"/>
      <c r="X74" s="41"/>
      <c r="Y74" s="41"/>
      <c r="Z74" s="41"/>
      <c r="AA74" s="41"/>
      <c r="AB74" s="41"/>
      <c r="AC74" s="124"/>
      <c r="AD74" s="41"/>
      <c r="AE74" s="41"/>
      <c r="AF74" s="41"/>
      <c r="AG74" s="41"/>
      <c r="AH74" s="41"/>
      <c r="AI74" s="41"/>
      <c r="AJ74" s="41"/>
      <c r="AK74" s="41"/>
      <c r="AL74" s="41"/>
      <c r="AM74" s="41"/>
      <c r="AN74" s="41"/>
      <c r="AO74" s="41"/>
      <c r="AP74" s="41"/>
      <c r="AQ74" s="41"/>
      <c r="AR74" s="41"/>
      <c r="AS74" s="41"/>
      <c r="AT74" s="41"/>
      <c r="AU74" s="41"/>
      <c r="AV74" s="41"/>
      <c r="AW74" s="41"/>
      <c r="AX74" s="41"/>
      <c r="AY74" s="41"/>
      <c r="AZ74" s="41"/>
      <c r="BA74" s="41"/>
      <c r="BB74" s="41"/>
      <c r="BC74" s="41"/>
      <c r="BD74" s="42"/>
    </row>
    <row r="75" spans="1:56" s="40" customFormat="1" ht="18" customHeight="1" x14ac:dyDescent="0.2">
      <c r="A75" s="124"/>
      <c r="B75" s="41"/>
      <c r="C75" s="41"/>
      <c r="D75" s="41"/>
      <c r="E75" s="41"/>
      <c r="F75" s="41"/>
      <c r="G75" s="41"/>
      <c r="H75" s="41"/>
      <c r="I75" s="41"/>
      <c r="J75" s="41"/>
      <c r="K75" s="41"/>
      <c r="L75" s="41"/>
      <c r="M75" s="41"/>
      <c r="N75" s="41"/>
      <c r="O75" s="41"/>
      <c r="P75" s="41"/>
      <c r="Q75" s="41"/>
      <c r="R75" s="41"/>
      <c r="S75" s="41"/>
      <c r="T75" s="41"/>
      <c r="U75" s="41"/>
      <c r="V75" s="41"/>
      <c r="W75" s="41"/>
      <c r="X75" s="41"/>
      <c r="Y75" s="41"/>
      <c r="Z75" s="41"/>
      <c r="AA75" s="41"/>
      <c r="AB75" s="41"/>
      <c r="AC75" s="124"/>
      <c r="AD75" s="41"/>
      <c r="AE75" s="41"/>
      <c r="AF75" s="41"/>
      <c r="AG75" s="41"/>
      <c r="AH75" s="41"/>
      <c r="AI75" s="41"/>
      <c r="AJ75" s="41"/>
      <c r="AK75" s="41"/>
      <c r="AL75" s="41"/>
      <c r="AM75" s="41"/>
      <c r="AN75" s="41"/>
      <c r="AO75" s="41"/>
      <c r="AP75" s="41"/>
      <c r="AQ75" s="41"/>
      <c r="AR75" s="41"/>
      <c r="AS75" s="41"/>
      <c r="AT75" s="41"/>
      <c r="AU75" s="41"/>
      <c r="AV75" s="41"/>
      <c r="AW75" s="41"/>
      <c r="AX75" s="41"/>
      <c r="AY75" s="41"/>
      <c r="AZ75" s="41"/>
      <c r="BA75" s="41"/>
      <c r="BB75" s="41"/>
      <c r="BC75" s="41"/>
      <c r="BD75" s="42"/>
    </row>
    <row r="76" spans="1:56" s="40" customFormat="1" ht="18" customHeight="1" x14ac:dyDescent="0.2">
      <c r="A76" s="124"/>
      <c r="B76" s="41"/>
      <c r="C76" s="41"/>
      <c r="D76" s="41"/>
      <c r="E76" s="41"/>
      <c r="F76" s="41"/>
      <c r="G76" s="41"/>
      <c r="H76" s="41"/>
      <c r="I76" s="41"/>
      <c r="J76" s="41"/>
      <c r="K76" s="41"/>
      <c r="L76" s="41"/>
      <c r="M76" s="41"/>
      <c r="N76" s="41"/>
      <c r="O76" s="41"/>
      <c r="P76" s="41"/>
      <c r="Q76" s="41"/>
      <c r="R76" s="41"/>
      <c r="S76" s="41"/>
      <c r="T76" s="41"/>
      <c r="U76" s="41"/>
      <c r="V76" s="41"/>
      <c r="W76" s="41"/>
      <c r="X76" s="41"/>
      <c r="Y76" s="41"/>
      <c r="Z76" s="41"/>
      <c r="AA76" s="41"/>
      <c r="AB76" s="41"/>
      <c r="AC76" s="124"/>
      <c r="AD76" s="41"/>
      <c r="AE76" s="41"/>
      <c r="AF76" s="41"/>
      <c r="AG76" s="41"/>
      <c r="AH76" s="41"/>
      <c r="AI76" s="41"/>
      <c r="AJ76" s="41"/>
      <c r="AK76" s="41"/>
      <c r="AL76" s="41"/>
      <c r="AM76" s="41"/>
      <c r="AN76" s="41"/>
      <c r="AO76" s="41"/>
      <c r="AP76" s="41"/>
      <c r="AQ76" s="41"/>
      <c r="AR76" s="41"/>
      <c r="AS76" s="41"/>
      <c r="AT76" s="41"/>
      <c r="AU76" s="41"/>
      <c r="AV76" s="41"/>
      <c r="AW76" s="41"/>
      <c r="AX76" s="41"/>
      <c r="AY76" s="41"/>
      <c r="AZ76" s="41"/>
      <c r="BA76" s="41"/>
      <c r="BB76" s="41"/>
      <c r="BC76" s="41"/>
      <c r="BD76" s="42"/>
    </row>
    <row r="77" spans="1:56" s="40" customFormat="1" ht="18" customHeight="1" x14ac:dyDescent="0.2">
      <c r="A77" s="124"/>
      <c r="B77" s="41"/>
      <c r="C77" s="41"/>
      <c r="D77" s="41"/>
      <c r="E77" s="41"/>
      <c r="F77" s="41"/>
      <c r="G77" s="41"/>
      <c r="H77" s="41"/>
      <c r="I77" s="41"/>
      <c r="J77" s="41"/>
      <c r="K77" s="41"/>
      <c r="L77" s="41"/>
      <c r="M77" s="41"/>
      <c r="N77" s="41"/>
      <c r="O77" s="41"/>
      <c r="P77" s="41"/>
      <c r="Q77" s="41"/>
      <c r="R77" s="41"/>
      <c r="S77" s="41"/>
      <c r="T77" s="41"/>
      <c r="U77" s="41"/>
      <c r="V77" s="41"/>
      <c r="W77" s="41"/>
      <c r="X77" s="41"/>
      <c r="Y77" s="41"/>
      <c r="Z77" s="41"/>
      <c r="AA77" s="41"/>
      <c r="AB77" s="41"/>
      <c r="AC77" s="124"/>
      <c r="AD77" s="41"/>
      <c r="AE77" s="41"/>
      <c r="AF77" s="41"/>
      <c r="AG77" s="41"/>
      <c r="AH77" s="41"/>
      <c r="AI77" s="41"/>
      <c r="AJ77" s="41"/>
      <c r="AK77" s="41"/>
      <c r="AL77" s="41"/>
      <c r="AM77" s="41"/>
      <c r="AN77" s="41"/>
      <c r="AO77" s="41"/>
      <c r="AP77" s="41"/>
      <c r="AQ77" s="41"/>
      <c r="AR77" s="41"/>
      <c r="AS77" s="41"/>
      <c r="AT77" s="41"/>
      <c r="AU77" s="41"/>
      <c r="AV77" s="41"/>
      <c r="AW77" s="41"/>
      <c r="AX77" s="41"/>
      <c r="AY77" s="41"/>
      <c r="AZ77" s="41"/>
      <c r="BA77" s="41"/>
      <c r="BB77" s="41"/>
      <c r="BC77" s="41"/>
      <c r="BD77" s="42"/>
    </row>
    <row r="78" spans="1:56" s="40" customFormat="1" ht="18" customHeight="1" x14ac:dyDescent="0.2">
      <c r="A78" s="124"/>
      <c r="B78" s="41"/>
      <c r="C78" s="126" t="str">
        <f>A73</f>
        <v>その他（内容を記入）</v>
      </c>
      <c r="D78" s="126"/>
      <c r="E78" s="126"/>
      <c r="F78" s="126"/>
      <c r="G78" s="126"/>
      <c r="H78" s="126"/>
      <c r="I78" s="126"/>
      <c r="J78" s="126"/>
      <c r="K78" s="126"/>
      <c r="L78" s="126"/>
      <c r="M78" s="126"/>
      <c r="N78" s="126"/>
      <c r="O78" s="126"/>
      <c r="P78" s="126"/>
      <c r="Q78" s="126"/>
      <c r="R78" s="126"/>
      <c r="S78" s="126"/>
      <c r="T78" s="126"/>
      <c r="U78" s="126"/>
      <c r="V78" s="126"/>
      <c r="W78" s="126"/>
      <c r="X78" s="126"/>
      <c r="Y78" s="126"/>
      <c r="Z78" s="126"/>
      <c r="AA78" s="126"/>
      <c r="AB78" s="41"/>
      <c r="AC78" s="124"/>
      <c r="AD78" s="41"/>
      <c r="AE78" s="126" t="str">
        <f>AC73</f>
        <v>その他（内容を記入）</v>
      </c>
      <c r="AF78" s="126"/>
      <c r="AG78" s="126"/>
      <c r="AH78" s="126"/>
      <c r="AI78" s="126"/>
      <c r="AJ78" s="126"/>
      <c r="AK78" s="126"/>
      <c r="AL78" s="126"/>
      <c r="AM78" s="126"/>
      <c r="AN78" s="126"/>
      <c r="AO78" s="126"/>
      <c r="AP78" s="126"/>
      <c r="AQ78" s="126"/>
      <c r="AR78" s="126"/>
      <c r="AS78" s="126"/>
      <c r="AT78" s="126"/>
      <c r="AU78" s="126"/>
      <c r="AV78" s="126"/>
      <c r="AW78" s="126"/>
      <c r="AX78" s="126"/>
      <c r="AY78" s="126"/>
      <c r="AZ78" s="126"/>
      <c r="BA78" s="126"/>
      <c r="BB78" s="126"/>
      <c r="BC78" s="126"/>
      <c r="BD78" s="42"/>
    </row>
    <row r="79" spans="1:56" s="40" customFormat="1" ht="18" customHeight="1" x14ac:dyDescent="0.2">
      <c r="A79" s="124"/>
      <c r="B79" s="41"/>
      <c r="C79" s="41"/>
      <c r="D79" s="41"/>
      <c r="E79" s="41" t="s">
        <v>103</v>
      </c>
      <c r="F79" s="41"/>
      <c r="G79" s="41"/>
      <c r="H79" s="41"/>
      <c r="I79" s="41"/>
      <c r="J79" s="41"/>
      <c r="K79" s="41"/>
      <c r="L79" s="41"/>
      <c r="M79" s="41"/>
      <c r="N79" s="41"/>
      <c r="O79" s="41"/>
      <c r="P79" s="41"/>
      <c r="Q79" s="41"/>
      <c r="R79" s="41"/>
      <c r="S79" s="41"/>
      <c r="T79" s="41"/>
      <c r="U79" s="41"/>
      <c r="V79" s="41"/>
      <c r="W79" s="41"/>
      <c r="X79" s="41"/>
      <c r="Y79" s="41"/>
      <c r="Z79" s="41"/>
      <c r="AA79" s="41"/>
      <c r="AB79" s="41"/>
      <c r="AC79" s="124"/>
      <c r="AD79" s="41"/>
      <c r="AE79" s="41"/>
      <c r="AF79" s="41"/>
      <c r="AG79" s="41" t="s">
        <v>103</v>
      </c>
      <c r="AH79" s="41"/>
      <c r="AI79" s="41"/>
      <c r="AJ79" s="41"/>
      <c r="AK79" s="41"/>
      <c r="AL79" s="41"/>
      <c r="AM79" s="41"/>
      <c r="AN79" s="41"/>
      <c r="AO79" s="41"/>
      <c r="AP79" s="41"/>
      <c r="AQ79" s="41"/>
      <c r="AR79" s="41"/>
      <c r="AS79" s="41"/>
      <c r="AT79" s="41"/>
      <c r="AU79" s="41"/>
      <c r="AV79" s="41"/>
      <c r="AW79" s="41"/>
      <c r="AX79" s="41"/>
      <c r="AY79" s="41"/>
      <c r="AZ79" s="41"/>
      <c r="BA79" s="41"/>
      <c r="BB79" s="41"/>
      <c r="BC79" s="41"/>
      <c r="BD79" s="42"/>
    </row>
    <row r="80" spans="1:56" s="40" customFormat="1" ht="18" customHeight="1" x14ac:dyDescent="0.2">
      <c r="A80" s="124"/>
      <c r="B80" s="41"/>
      <c r="C80" s="41"/>
      <c r="D80" s="41"/>
      <c r="F80" s="41"/>
      <c r="G80" s="41"/>
      <c r="H80" s="41"/>
      <c r="I80" s="41"/>
      <c r="J80" s="41"/>
      <c r="K80" s="41"/>
      <c r="L80" s="41"/>
      <c r="M80" s="41"/>
      <c r="N80" s="41"/>
      <c r="O80" s="41"/>
      <c r="P80" s="41"/>
      <c r="Q80" s="41"/>
      <c r="R80" s="41"/>
      <c r="S80" s="41"/>
      <c r="T80" s="41"/>
      <c r="U80" s="41"/>
      <c r="V80" s="41"/>
      <c r="W80" s="41"/>
      <c r="X80" s="41"/>
      <c r="Y80" s="41"/>
      <c r="Z80" s="41"/>
      <c r="AA80" s="41"/>
      <c r="AB80" s="41"/>
      <c r="AC80" s="124"/>
      <c r="AD80" s="41"/>
      <c r="AE80" s="41"/>
      <c r="AF80" s="41"/>
      <c r="AH80" s="41"/>
      <c r="AI80" s="41"/>
      <c r="AJ80" s="41"/>
      <c r="AK80" s="41"/>
      <c r="AL80" s="41"/>
      <c r="AM80" s="41"/>
      <c r="AN80" s="41"/>
      <c r="AO80" s="41"/>
      <c r="AP80" s="41"/>
      <c r="AQ80" s="41"/>
      <c r="AR80" s="41"/>
      <c r="AS80" s="41"/>
      <c r="AT80" s="41"/>
      <c r="AU80" s="41"/>
      <c r="AV80" s="41"/>
      <c r="AW80" s="41"/>
      <c r="AX80" s="41"/>
      <c r="AY80" s="41"/>
      <c r="AZ80" s="41"/>
      <c r="BA80" s="41"/>
      <c r="BB80" s="41"/>
      <c r="BC80" s="41"/>
      <c r="BD80" s="42"/>
    </row>
    <row r="81" spans="1:56" s="40" customFormat="1" ht="18" customHeight="1" x14ac:dyDescent="0.2">
      <c r="A81" s="124"/>
      <c r="B81" s="41"/>
      <c r="C81" s="41"/>
      <c r="D81" s="41"/>
      <c r="E81" s="41"/>
      <c r="F81" s="41"/>
      <c r="G81" s="41"/>
      <c r="H81" s="41"/>
      <c r="I81" s="41"/>
      <c r="J81" s="41"/>
      <c r="K81" s="41"/>
      <c r="L81" s="41"/>
      <c r="M81" s="41"/>
      <c r="N81" s="41"/>
      <c r="O81" s="41"/>
      <c r="P81" s="41"/>
      <c r="Q81" s="41"/>
      <c r="R81" s="41"/>
      <c r="S81" s="41"/>
      <c r="T81" s="41"/>
      <c r="U81" s="41"/>
      <c r="V81" s="41"/>
      <c r="W81" s="41"/>
      <c r="X81" s="41"/>
      <c r="Y81" s="41"/>
      <c r="Z81" s="41"/>
      <c r="AA81" s="41"/>
      <c r="AB81" s="41"/>
      <c r="AC81" s="124"/>
      <c r="AD81" s="41"/>
      <c r="AE81" s="41"/>
      <c r="AF81" s="41"/>
      <c r="AG81" s="41"/>
      <c r="AH81" s="41"/>
      <c r="AI81" s="41"/>
      <c r="AJ81" s="41"/>
      <c r="AK81" s="41"/>
      <c r="AL81" s="41"/>
      <c r="AM81" s="41"/>
      <c r="AN81" s="41"/>
      <c r="AO81" s="41"/>
      <c r="AP81" s="41"/>
      <c r="AQ81" s="41"/>
      <c r="AR81" s="41"/>
      <c r="AS81" s="41"/>
      <c r="AT81" s="41"/>
      <c r="AU81" s="41"/>
      <c r="AV81" s="41"/>
      <c r="AW81" s="41"/>
      <c r="AX81" s="41"/>
      <c r="AY81" s="41"/>
      <c r="AZ81" s="41"/>
      <c r="BA81" s="41"/>
      <c r="BB81" s="41"/>
      <c r="BC81" s="41"/>
      <c r="BD81" s="42"/>
    </row>
    <row r="82" spans="1:56" s="40" customFormat="1" ht="18" customHeight="1" x14ac:dyDescent="0.2">
      <c r="A82" s="124"/>
      <c r="B82" s="41"/>
      <c r="C82" s="41"/>
      <c r="D82" s="41"/>
      <c r="E82" s="41"/>
      <c r="F82" s="41"/>
      <c r="G82" s="41"/>
      <c r="H82" s="41"/>
      <c r="I82" s="41"/>
      <c r="J82" s="41"/>
      <c r="K82" s="41"/>
      <c r="L82" s="41"/>
      <c r="M82" s="41"/>
      <c r="N82" s="41"/>
      <c r="O82" s="41"/>
      <c r="P82" s="41"/>
      <c r="Q82" s="41"/>
      <c r="R82" s="41"/>
      <c r="S82" s="41"/>
      <c r="T82" s="41"/>
      <c r="U82" s="41"/>
      <c r="V82" s="41"/>
      <c r="W82" s="41"/>
      <c r="X82" s="41"/>
      <c r="Y82" s="41"/>
      <c r="Z82" s="41"/>
      <c r="AA82" s="41"/>
      <c r="AB82" s="41"/>
      <c r="AC82" s="124"/>
      <c r="AD82" s="41"/>
      <c r="AE82" s="41"/>
      <c r="AF82" s="41"/>
      <c r="AG82" s="41"/>
      <c r="AH82" s="41"/>
      <c r="AI82" s="41"/>
      <c r="AJ82" s="41"/>
      <c r="AK82" s="41"/>
      <c r="AL82" s="41"/>
      <c r="AM82" s="41"/>
      <c r="AN82" s="41"/>
      <c r="AO82" s="41"/>
      <c r="AP82" s="41"/>
      <c r="AQ82" s="41"/>
      <c r="AR82" s="41"/>
      <c r="AS82" s="41"/>
      <c r="AT82" s="41"/>
      <c r="AU82" s="41"/>
      <c r="AV82" s="41"/>
      <c r="AW82" s="41"/>
      <c r="AX82" s="41"/>
      <c r="AY82" s="41"/>
      <c r="AZ82" s="41"/>
      <c r="BA82" s="41"/>
      <c r="BB82" s="41"/>
      <c r="BC82" s="41"/>
      <c r="BD82" s="42"/>
    </row>
    <row r="83" spans="1:56" s="40" customFormat="1" ht="18" customHeight="1" x14ac:dyDescent="0.2">
      <c r="A83" s="124"/>
      <c r="B83" s="41"/>
      <c r="C83" s="41"/>
      <c r="D83" s="41"/>
      <c r="E83" s="41"/>
      <c r="F83" s="41"/>
      <c r="G83" s="41"/>
      <c r="H83" s="41"/>
      <c r="I83" s="41"/>
      <c r="J83" s="41"/>
      <c r="K83" s="41"/>
      <c r="L83" s="41"/>
      <c r="M83" s="41"/>
      <c r="N83" s="41"/>
      <c r="O83" s="41"/>
      <c r="P83" s="41"/>
      <c r="Q83" s="41"/>
      <c r="R83" s="41"/>
      <c r="S83" s="41"/>
      <c r="T83" s="41"/>
      <c r="U83" s="41"/>
      <c r="V83" s="41"/>
      <c r="W83" s="41"/>
      <c r="X83" s="41"/>
      <c r="Y83" s="41"/>
      <c r="Z83" s="41"/>
      <c r="AA83" s="41"/>
      <c r="AB83" s="41"/>
      <c r="AC83" s="124"/>
      <c r="AD83" s="41"/>
      <c r="AE83" s="41"/>
      <c r="AF83" s="41"/>
      <c r="AG83" s="41"/>
      <c r="AH83" s="41"/>
      <c r="AI83" s="41"/>
      <c r="AJ83" s="41"/>
      <c r="AK83" s="41"/>
      <c r="AL83" s="41"/>
      <c r="AM83" s="41"/>
      <c r="AN83" s="41"/>
      <c r="AO83" s="41"/>
      <c r="AP83" s="41"/>
      <c r="AQ83" s="41"/>
      <c r="AR83" s="41"/>
      <c r="AS83" s="41"/>
      <c r="AT83" s="41"/>
      <c r="AU83" s="41"/>
      <c r="AV83" s="41"/>
      <c r="AW83" s="41"/>
      <c r="AX83" s="41"/>
      <c r="AY83" s="41"/>
      <c r="AZ83" s="41"/>
      <c r="BA83" s="41"/>
      <c r="BB83" s="41"/>
      <c r="BC83" s="41"/>
      <c r="BD83" s="42"/>
    </row>
    <row r="84" spans="1:56" s="40" customFormat="1" ht="18" customHeight="1" x14ac:dyDescent="0.2">
      <c r="A84" s="124"/>
      <c r="B84" s="41"/>
      <c r="C84" s="41"/>
      <c r="D84" s="41"/>
      <c r="E84" s="41"/>
      <c r="F84" s="41"/>
      <c r="G84" s="41"/>
      <c r="H84" s="41"/>
      <c r="I84" s="41"/>
      <c r="J84" s="41"/>
      <c r="K84" s="41"/>
      <c r="L84" s="41"/>
      <c r="M84" s="41"/>
      <c r="N84" s="41"/>
      <c r="O84" s="41"/>
      <c r="P84" s="41"/>
      <c r="Q84" s="41"/>
      <c r="R84" s="41"/>
      <c r="S84" s="41"/>
      <c r="T84" s="41"/>
      <c r="U84" s="41"/>
      <c r="V84" s="41"/>
      <c r="W84" s="41"/>
      <c r="X84" s="41"/>
      <c r="Y84" s="41"/>
      <c r="Z84" s="41"/>
      <c r="AA84" s="41"/>
      <c r="AB84" s="41"/>
      <c r="AC84" s="124"/>
      <c r="AD84" s="41"/>
      <c r="AE84" s="41"/>
      <c r="AF84" s="41"/>
      <c r="AG84" s="41"/>
      <c r="AH84" s="41"/>
      <c r="AI84" s="41"/>
      <c r="AJ84" s="41"/>
      <c r="AK84" s="41"/>
      <c r="AL84" s="41"/>
      <c r="AM84" s="41"/>
      <c r="AN84" s="41"/>
      <c r="AO84" s="41"/>
      <c r="AP84" s="41"/>
      <c r="AQ84" s="41"/>
      <c r="AR84" s="41"/>
      <c r="AS84" s="41"/>
      <c r="AT84" s="41"/>
      <c r="AU84" s="41"/>
      <c r="AV84" s="41"/>
      <c r="AW84" s="41"/>
      <c r="AX84" s="41"/>
      <c r="AY84" s="41"/>
      <c r="AZ84" s="41"/>
      <c r="BA84" s="41"/>
      <c r="BB84" s="41"/>
      <c r="BC84" s="41"/>
      <c r="BD84" s="42"/>
    </row>
    <row r="85" spans="1:56" s="40" customFormat="1" ht="18" customHeight="1" x14ac:dyDescent="0.2">
      <c r="A85" s="125"/>
      <c r="B85" s="43"/>
      <c r="C85" s="43"/>
      <c r="D85" s="43"/>
      <c r="E85" s="43"/>
      <c r="F85" s="43"/>
      <c r="G85" s="43"/>
      <c r="H85" s="43"/>
      <c r="I85" s="43"/>
      <c r="J85" s="43"/>
      <c r="K85" s="43"/>
      <c r="L85" s="43"/>
      <c r="M85" s="43"/>
      <c r="N85" s="43"/>
      <c r="O85" s="43"/>
      <c r="P85" s="43"/>
      <c r="Q85" s="43"/>
      <c r="R85" s="43"/>
      <c r="S85" s="43"/>
      <c r="T85" s="43"/>
      <c r="U85" s="43"/>
      <c r="V85" s="43"/>
      <c r="W85" s="43"/>
      <c r="X85" s="43"/>
      <c r="Y85" s="43"/>
      <c r="Z85" s="43"/>
      <c r="AA85" s="43"/>
      <c r="AB85" s="43"/>
      <c r="AC85" s="125"/>
      <c r="AD85" s="43"/>
      <c r="AE85" s="43"/>
      <c r="AF85" s="43"/>
      <c r="AG85" s="43"/>
      <c r="AH85" s="43"/>
      <c r="AI85" s="43"/>
      <c r="AJ85" s="43"/>
      <c r="AK85" s="43"/>
      <c r="AL85" s="43"/>
      <c r="AM85" s="43"/>
      <c r="AN85" s="43"/>
      <c r="AO85" s="43"/>
      <c r="AP85" s="43"/>
      <c r="AQ85" s="43"/>
      <c r="AR85" s="43"/>
      <c r="AS85" s="43"/>
      <c r="AT85" s="43"/>
      <c r="AU85" s="43"/>
      <c r="AV85" s="43"/>
      <c r="AW85" s="43"/>
      <c r="AX85" s="43"/>
      <c r="AY85" s="43"/>
      <c r="AZ85" s="43"/>
      <c r="BA85" s="43"/>
      <c r="BB85" s="43"/>
      <c r="BC85" s="43"/>
      <c r="BD85" s="44"/>
    </row>
    <row r="86" spans="1:56" ht="18" customHeight="1" x14ac:dyDescent="0.2"/>
    <row r="87" spans="1:56" ht="18" customHeight="1" x14ac:dyDescent="0.2"/>
    <row r="88" spans="1:56" ht="18" customHeight="1" x14ac:dyDescent="0.2"/>
    <row r="89" spans="1:56" ht="18" customHeight="1" x14ac:dyDescent="0.2"/>
    <row r="90" spans="1:56" ht="18" customHeight="1" x14ac:dyDescent="0.2"/>
    <row r="91" spans="1:56" ht="18" customHeight="1" x14ac:dyDescent="0.2"/>
    <row r="92" spans="1:56" ht="18" customHeight="1" x14ac:dyDescent="0.2"/>
    <row r="93" spans="1:56" ht="18" customHeight="1" x14ac:dyDescent="0.2"/>
    <row r="94" spans="1:56" ht="18" customHeight="1" x14ac:dyDescent="0.2"/>
    <row r="95" spans="1:56" ht="18" customHeight="1" x14ac:dyDescent="0.2"/>
    <row r="96" spans="1:56" ht="18" customHeight="1" x14ac:dyDescent="0.2"/>
    <row r="97" ht="18" customHeight="1" x14ac:dyDescent="0.2"/>
    <row r="98" ht="18" customHeight="1" x14ac:dyDescent="0.2"/>
    <row r="99" ht="18" customHeight="1" x14ac:dyDescent="0.2"/>
    <row r="100" ht="18" customHeight="1" x14ac:dyDescent="0.2"/>
    <row r="101" ht="18" customHeight="1" x14ac:dyDescent="0.2"/>
    <row r="102" ht="18" customHeight="1" x14ac:dyDescent="0.2"/>
    <row r="103" ht="18" customHeight="1" x14ac:dyDescent="0.2"/>
    <row r="104" ht="18" customHeight="1" x14ac:dyDescent="0.2"/>
    <row r="105" ht="18" customHeight="1" x14ac:dyDescent="0.2"/>
    <row r="106" ht="18" customHeight="1" x14ac:dyDescent="0.2"/>
    <row r="107" ht="18" customHeight="1" x14ac:dyDescent="0.2"/>
    <row r="108" ht="18" customHeight="1" x14ac:dyDescent="0.2"/>
    <row r="109" ht="18" customHeight="1" x14ac:dyDescent="0.2"/>
    <row r="110" ht="18" customHeight="1" x14ac:dyDescent="0.2"/>
    <row r="111" ht="18" customHeight="1" x14ac:dyDescent="0.2"/>
    <row r="112" ht="18" customHeight="1" x14ac:dyDescent="0.2"/>
    <row r="113" ht="18" customHeight="1" x14ac:dyDescent="0.2"/>
    <row r="114" ht="18" customHeight="1" x14ac:dyDescent="0.2"/>
    <row r="115" ht="18" customHeight="1" x14ac:dyDescent="0.2"/>
    <row r="116" ht="18" customHeight="1" x14ac:dyDescent="0.2"/>
    <row r="117" ht="18" customHeight="1" x14ac:dyDescent="0.2"/>
    <row r="118" ht="18" customHeight="1" x14ac:dyDescent="0.2"/>
    <row r="119" ht="18" customHeight="1" x14ac:dyDescent="0.2"/>
    <row r="120" ht="18" customHeight="1" x14ac:dyDescent="0.2"/>
    <row r="121" ht="18" customHeight="1" x14ac:dyDescent="0.2"/>
    <row r="122" ht="18" customHeight="1" x14ac:dyDescent="0.2"/>
    <row r="123" ht="18" customHeight="1" x14ac:dyDescent="0.2"/>
    <row r="124" ht="18" customHeight="1" x14ac:dyDescent="0.2"/>
    <row r="125" ht="18" customHeight="1" x14ac:dyDescent="0.2"/>
    <row r="126" ht="18" customHeight="1" x14ac:dyDescent="0.2"/>
    <row r="127" ht="18" customHeight="1" x14ac:dyDescent="0.2"/>
    <row r="128" ht="18" customHeight="1" x14ac:dyDescent="0.2"/>
    <row r="129" ht="18" customHeight="1" x14ac:dyDescent="0.2"/>
    <row r="130" ht="18" customHeight="1" x14ac:dyDescent="0.2"/>
    <row r="131" ht="18" customHeight="1" x14ac:dyDescent="0.2"/>
    <row r="132" ht="18" customHeight="1" x14ac:dyDescent="0.2"/>
    <row r="133" ht="18" customHeight="1" x14ac:dyDescent="0.2"/>
    <row r="134" ht="18" customHeight="1" x14ac:dyDescent="0.2"/>
    <row r="135" ht="18" customHeight="1" x14ac:dyDescent="0.2"/>
    <row r="136" ht="18" customHeight="1" x14ac:dyDescent="0.2"/>
    <row r="137" ht="18" customHeight="1" x14ac:dyDescent="0.2"/>
    <row r="138" ht="18" customHeight="1" x14ac:dyDescent="0.2"/>
    <row r="139" ht="18" customHeight="1" x14ac:dyDescent="0.2"/>
    <row r="140" ht="18" customHeight="1" x14ac:dyDescent="0.2"/>
    <row r="141" ht="18" customHeight="1" x14ac:dyDescent="0.2"/>
    <row r="142" ht="18" customHeight="1" x14ac:dyDescent="0.2"/>
    <row r="143" ht="18" customHeight="1" x14ac:dyDescent="0.2"/>
    <row r="144" ht="18" customHeight="1" x14ac:dyDescent="0.2"/>
    <row r="145" ht="18" customHeight="1" x14ac:dyDescent="0.2"/>
    <row r="146" ht="18" customHeight="1" x14ac:dyDescent="0.2"/>
    <row r="147" ht="18" customHeight="1" x14ac:dyDescent="0.2"/>
    <row r="148" ht="18" customHeight="1" x14ac:dyDescent="0.2"/>
    <row r="149" ht="18" customHeight="1" x14ac:dyDescent="0.2"/>
    <row r="150" ht="18" customHeight="1" x14ac:dyDescent="0.2"/>
    <row r="151" ht="18" customHeight="1" x14ac:dyDescent="0.2"/>
    <row r="152" ht="18" customHeight="1" x14ac:dyDescent="0.2"/>
    <row r="153" ht="18" customHeight="1" x14ac:dyDescent="0.2"/>
    <row r="154" ht="18" customHeight="1" x14ac:dyDescent="0.2"/>
    <row r="155" ht="18" customHeight="1" x14ac:dyDescent="0.2"/>
    <row r="156" ht="18" customHeight="1" x14ac:dyDescent="0.2"/>
    <row r="157" ht="18" customHeight="1" x14ac:dyDescent="0.2"/>
    <row r="158" ht="18" customHeight="1" x14ac:dyDescent="0.2"/>
    <row r="159" ht="18" customHeight="1" x14ac:dyDescent="0.2"/>
    <row r="160" ht="18" customHeight="1" x14ac:dyDescent="0.2"/>
    <row r="161" ht="18" customHeight="1" x14ac:dyDescent="0.2"/>
    <row r="162" ht="18" customHeight="1" x14ac:dyDescent="0.2"/>
    <row r="163" ht="18" customHeight="1" x14ac:dyDescent="0.2"/>
    <row r="164" ht="18" customHeight="1" x14ac:dyDescent="0.2"/>
    <row r="165" ht="18" customHeight="1" x14ac:dyDescent="0.2"/>
    <row r="166" ht="18" customHeight="1" x14ac:dyDescent="0.2"/>
    <row r="167" ht="18" customHeight="1" x14ac:dyDescent="0.2"/>
    <row r="168" ht="18" customHeight="1" x14ac:dyDescent="0.2"/>
    <row r="169" ht="18" customHeight="1" x14ac:dyDescent="0.2"/>
    <row r="170" ht="18" customHeight="1" x14ac:dyDescent="0.2"/>
    <row r="171" ht="18" customHeight="1" x14ac:dyDescent="0.2"/>
    <row r="172" ht="18" customHeight="1" x14ac:dyDescent="0.2"/>
    <row r="173" ht="18" customHeight="1" x14ac:dyDescent="0.2"/>
    <row r="174" ht="18" customHeight="1" x14ac:dyDescent="0.2"/>
    <row r="175" ht="18" customHeight="1" x14ac:dyDescent="0.2"/>
    <row r="176" ht="18" customHeight="1" x14ac:dyDescent="0.2"/>
    <row r="177" ht="18" customHeight="1" x14ac:dyDescent="0.2"/>
    <row r="178" ht="18" customHeight="1" x14ac:dyDescent="0.2"/>
    <row r="179" ht="18" customHeight="1" x14ac:dyDescent="0.2"/>
    <row r="180" ht="18" customHeight="1" x14ac:dyDescent="0.2"/>
    <row r="181" ht="18" customHeight="1" x14ac:dyDescent="0.2"/>
    <row r="182" ht="18" customHeight="1" x14ac:dyDescent="0.2"/>
    <row r="183" ht="18" customHeight="1" x14ac:dyDescent="0.2"/>
    <row r="184" ht="18" customHeight="1" x14ac:dyDescent="0.2"/>
    <row r="185" ht="18" customHeight="1" x14ac:dyDescent="0.2"/>
    <row r="186" ht="18" customHeight="1" x14ac:dyDescent="0.2"/>
    <row r="187" ht="18" customHeight="1" x14ac:dyDescent="0.2"/>
    <row r="188" ht="18" customHeight="1" x14ac:dyDescent="0.2"/>
    <row r="189" ht="18" customHeight="1" x14ac:dyDescent="0.2"/>
    <row r="190" ht="18" customHeight="1" x14ac:dyDescent="0.2"/>
    <row r="191" ht="18" customHeight="1" x14ac:dyDescent="0.2"/>
    <row r="192" ht="18" customHeight="1" x14ac:dyDescent="0.2"/>
    <row r="193" ht="18" customHeight="1" x14ac:dyDescent="0.2"/>
    <row r="194" ht="18" customHeight="1" x14ac:dyDescent="0.2"/>
    <row r="195" ht="18" customHeight="1" x14ac:dyDescent="0.2"/>
    <row r="196" ht="18" customHeight="1" x14ac:dyDescent="0.2"/>
    <row r="197" ht="18" customHeight="1" x14ac:dyDescent="0.2"/>
    <row r="198" ht="18" customHeight="1" x14ac:dyDescent="0.2"/>
    <row r="199" ht="18" customHeight="1" x14ac:dyDescent="0.2"/>
    <row r="200" ht="18" customHeight="1" x14ac:dyDescent="0.2"/>
    <row r="201" ht="18" customHeight="1" x14ac:dyDescent="0.2"/>
    <row r="202" ht="18" customHeight="1" x14ac:dyDescent="0.2"/>
    <row r="203" ht="18" customHeight="1" x14ac:dyDescent="0.2"/>
    <row r="204" ht="18" customHeight="1" x14ac:dyDescent="0.2"/>
    <row r="205" ht="18" customHeight="1" x14ac:dyDescent="0.2"/>
    <row r="206" ht="18" customHeight="1" x14ac:dyDescent="0.2"/>
    <row r="207" ht="18" customHeight="1" x14ac:dyDescent="0.2"/>
    <row r="208" ht="18" customHeight="1" x14ac:dyDescent="0.2"/>
    <row r="209" ht="18" customHeight="1" x14ac:dyDescent="0.2"/>
    <row r="210" ht="18" customHeight="1" x14ac:dyDescent="0.2"/>
    <row r="211" ht="18" customHeight="1" x14ac:dyDescent="0.2"/>
    <row r="212" ht="18" customHeight="1" x14ac:dyDescent="0.2"/>
    <row r="213" ht="18" customHeight="1" x14ac:dyDescent="0.2"/>
    <row r="214" ht="18" customHeight="1" x14ac:dyDescent="0.2"/>
    <row r="215" ht="18" customHeight="1" x14ac:dyDescent="0.2"/>
    <row r="216" ht="18" customHeight="1" x14ac:dyDescent="0.2"/>
    <row r="217" ht="18" customHeight="1" x14ac:dyDescent="0.2"/>
    <row r="218" ht="18" customHeight="1" x14ac:dyDescent="0.2"/>
    <row r="219" ht="18" customHeight="1" x14ac:dyDescent="0.2"/>
    <row r="220" ht="18" customHeight="1" x14ac:dyDescent="0.2"/>
    <row r="221" ht="18" customHeight="1" x14ac:dyDescent="0.2"/>
    <row r="222" ht="18" customHeight="1" x14ac:dyDescent="0.2"/>
    <row r="223" ht="18" customHeight="1" x14ac:dyDescent="0.2"/>
    <row r="224" ht="18" customHeight="1" x14ac:dyDescent="0.2"/>
    <row r="225" ht="18" customHeight="1" x14ac:dyDescent="0.2"/>
    <row r="226" ht="18" customHeight="1" x14ac:dyDescent="0.2"/>
    <row r="227" ht="18" customHeight="1" x14ac:dyDescent="0.2"/>
    <row r="228" ht="18" customHeight="1" x14ac:dyDescent="0.2"/>
    <row r="229" ht="18" customHeight="1" x14ac:dyDescent="0.2"/>
    <row r="230" ht="18" customHeight="1" x14ac:dyDescent="0.2"/>
    <row r="231" ht="18" customHeight="1" x14ac:dyDescent="0.2"/>
    <row r="232" ht="18" customHeight="1" x14ac:dyDescent="0.2"/>
    <row r="233" ht="18" customHeight="1" x14ac:dyDescent="0.2"/>
    <row r="234" ht="18" customHeight="1" x14ac:dyDescent="0.2"/>
    <row r="235" ht="18" customHeight="1" x14ac:dyDescent="0.2"/>
    <row r="236" ht="18" customHeight="1" x14ac:dyDescent="0.2"/>
    <row r="237" ht="18" customHeight="1" x14ac:dyDescent="0.2"/>
    <row r="238" ht="18" customHeight="1" x14ac:dyDescent="0.2"/>
    <row r="239" ht="18" customHeight="1" x14ac:dyDescent="0.2"/>
    <row r="240" ht="18" customHeight="1" x14ac:dyDescent="0.2"/>
    <row r="241" ht="18" customHeight="1" x14ac:dyDescent="0.2"/>
    <row r="242" ht="18" customHeight="1" x14ac:dyDescent="0.2"/>
    <row r="243" ht="18" customHeight="1" x14ac:dyDescent="0.2"/>
    <row r="244" ht="18" customHeight="1" x14ac:dyDescent="0.2"/>
    <row r="245" ht="18" customHeight="1" x14ac:dyDescent="0.2"/>
    <row r="246" ht="18" customHeight="1" x14ac:dyDescent="0.2"/>
    <row r="247" ht="18" customHeight="1" x14ac:dyDescent="0.2"/>
    <row r="248" ht="18" customHeight="1" x14ac:dyDescent="0.2"/>
    <row r="249" ht="18" customHeight="1" x14ac:dyDescent="0.2"/>
    <row r="250" ht="18" customHeight="1" x14ac:dyDescent="0.2"/>
    <row r="251" ht="18" customHeight="1" x14ac:dyDescent="0.2"/>
    <row r="252" ht="18" customHeight="1" x14ac:dyDescent="0.2"/>
    <row r="253" ht="18" customHeight="1" x14ac:dyDescent="0.2"/>
    <row r="254" ht="18" customHeight="1" x14ac:dyDescent="0.2"/>
    <row r="255" ht="18" customHeight="1" x14ac:dyDescent="0.2"/>
  </sheetData>
  <mergeCells count="25">
    <mergeCell ref="A31:A43"/>
    <mergeCell ref="AC31:AC43"/>
    <mergeCell ref="C36:AA36"/>
    <mergeCell ref="AE36:BC36"/>
    <mergeCell ref="J1:M1"/>
    <mergeCell ref="A17:A29"/>
    <mergeCell ref="AC17:AC29"/>
    <mergeCell ref="C22:AA22"/>
    <mergeCell ref="A3:A15"/>
    <mergeCell ref="AC3:AC15"/>
    <mergeCell ref="C8:AA8"/>
    <mergeCell ref="AE8:BC8"/>
    <mergeCell ref="AE22:BC22"/>
    <mergeCell ref="A73:A85"/>
    <mergeCell ref="AC73:AC85"/>
    <mergeCell ref="C78:AA78"/>
    <mergeCell ref="AE78:BC78"/>
    <mergeCell ref="A45:A57"/>
    <mergeCell ref="AC45:AC57"/>
    <mergeCell ref="C50:AA50"/>
    <mergeCell ref="AE50:BC50"/>
    <mergeCell ref="A59:A71"/>
    <mergeCell ref="AC59:AC71"/>
    <mergeCell ref="C64:AA64"/>
    <mergeCell ref="AE64:BC64"/>
  </mergeCells>
  <phoneticPr fontId="4"/>
  <printOptions horizontalCentered="1"/>
  <pageMargins left="0.39370078740157483" right="0.39370078740157483" top="0.78740157480314965" bottom="0.39370078740157483" header="0.51181102362204722" footer="0.19685039370078741"/>
  <pageSetup paperSize="9" fitToHeight="0" orientation="landscape" r:id="rId1"/>
  <headerFooter alignWithMargins="0">
    <oddFooter>&amp;R工事写真帳(&amp;P)</oddFooter>
  </headerFooter>
  <rowBreaks count="2" manualBreakCount="2">
    <brk id="29" max="55" man="1"/>
    <brk id="57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FF99"/>
    <pageSetUpPr fitToPage="1"/>
  </sheetPr>
  <dimension ref="A1:AL266"/>
  <sheetViews>
    <sheetView view="pageBreakPreview" topLeftCell="A4" zoomScale="90" zoomScaleNormal="100" zoomScaleSheetLayoutView="90" workbookViewId="0">
      <selection activeCell="X83" sqref="X83"/>
    </sheetView>
  </sheetViews>
  <sheetFormatPr defaultColWidth="3.77734375" defaultRowHeight="17.25" customHeight="1" x14ac:dyDescent="0.2"/>
  <cols>
    <col min="2" max="2" width="3.77734375" style="28"/>
    <col min="3" max="3" width="3.77734375" style="5"/>
    <col min="4" max="4" width="3.77734375" style="5" customWidth="1"/>
    <col min="5" max="28" width="3.77734375" style="5"/>
    <col min="29" max="29" width="3.77734375" style="5" customWidth="1"/>
    <col min="30" max="30" width="3.77734375" style="2" customWidth="1"/>
    <col min="31" max="31" width="3.77734375" style="3"/>
    <col min="32" max="32" width="3.77734375" style="1"/>
    <col min="33" max="33" width="4.21875" style="1" customWidth="1"/>
    <col min="34" max="39" width="3.77734375" style="1"/>
    <col min="40" max="40" width="3.6640625" style="1" customWidth="1"/>
    <col min="41" max="16384" width="3.77734375" style="1"/>
  </cols>
  <sheetData>
    <row r="1" spans="2:31" ht="16.5" customHeight="1" x14ac:dyDescent="0.2">
      <c r="Z1" s="5" t="s">
        <v>146</v>
      </c>
      <c r="AB1" s="29"/>
      <c r="AC1" s="29"/>
    </row>
    <row r="2" spans="2:31" ht="16.5" customHeight="1" x14ac:dyDescent="0.2">
      <c r="D2" s="119" t="s">
        <v>155</v>
      </c>
      <c r="E2" s="119"/>
      <c r="F2" s="119"/>
      <c r="G2" s="119"/>
      <c r="H2" s="119"/>
      <c r="I2" s="119"/>
      <c r="J2" s="119"/>
      <c r="K2" s="119"/>
      <c r="L2" s="119"/>
      <c r="M2" s="119"/>
      <c r="N2" s="119"/>
      <c r="O2" s="119"/>
      <c r="P2" s="119"/>
      <c r="Q2" s="119"/>
      <c r="R2" s="119"/>
      <c r="S2" s="119"/>
      <c r="T2" s="119"/>
      <c r="U2" s="119"/>
      <c r="V2" s="119"/>
      <c r="W2" s="119"/>
      <c r="X2" s="119"/>
      <c r="Y2" s="119"/>
      <c r="Z2" s="119"/>
      <c r="AA2" s="119"/>
      <c r="AB2" s="119"/>
      <c r="AC2" s="119"/>
      <c r="AD2" s="1"/>
      <c r="AE2" s="1"/>
    </row>
    <row r="3" spans="2:31" ht="16.5" customHeight="1" x14ac:dyDescent="0.2"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  <c r="T3" s="119"/>
      <c r="U3" s="119"/>
      <c r="V3" s="119"/>
      <c r="W3" s="119"/>
      <c r="X3" s="119"/>
      <c r="Y3" s="119"/>
      <c r="Z3" s="119"/>
      <c r="AA3" s="119"/>
      <c r="AB3" s="119"/>
      <c r="AC3" s="119"/>
      <c r="AD3" s="1"/>
      <c r="AE3" s="1"/>
    </row>
    <row r="4" spans="2:31" ht="16.5" customHeight="1" x14ac:dyDescent="0.2">
      <c r="D4" s="73"/>
      <c r="F4" s="73"/>
      <c r="G4" s="73"/>
      <c r="H4" s="73"/>
      <c r="I4" s="73"/>
      <c r="J4" s="73"/>
      <c r="K4" s="73"/>
      <c r="L4" s="73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1"/>
      <c r="AE4" s="1"/>
    </row>
    <row r="5" spans="2:31" ht="16.5" customHeight="1" x14ac:dyDescent="0.2">
      <c r="D5" s="73"/>
      <c r="E5" s="72" t="s">
        <v>114</v>
      </c>
      <c r="F5" s="73"/>
      <c r="G5" s="73"/>
      <c r="H5" s="73"/>
      <c r="I5" s="73"/>
      <c r="J5" s="73"/>
      <c r="K5" s="73"/>
      <c r="L5" s="73"/>
      <c r="M5" s="73"/>
      <c r="N5" s="73"/>
      <c r="O5" s="73"/>
      <c r="P5" s="73"/>
      <c r="Q5" s="73"/>
      <c r="R5" s="73"/>
      <c r="S5" s="73"/>
      <c r="T5" s="73"/>
      <c r="U5" s="73"/>
      <c r="V5" s="73"/>
      <c r="W5" s="73"/>
      <c r="X5" s="73"/>
      <c r="Y5" s="73"/>
      <c r="Z5" s="73"/>
      <c r="AA5" s="73"/>
      <c r="AB5" s="73"/>
      <c r="AC5" s="73"/>
      <c r="AD5" s="1"/>
      <c r="AE5" s="1"/>
    </row>
    <row r="6" spans="2:31" ht="16.5" customHeight="1" x14ac:dyDescent="0.2">
      <c r="D6" s="73"/>
      <c r="E6" s="5">
        <v>1</v>
      </c>
      <c r="F6" s="5" t="s">
        <v>115</v>
      </c>
      <c r="G6" s="73"/>
      <c r="H6" s="73"/>
      <c r="I6" s="73"/>
      <c r="J6" s="73"/>
      <c r="K6" s="73"/>
      <c r="L6" s="73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73"/>
      <c r="AB6" s="73"/>
      <c r="AC6" s="73"/>
      <c r="AD6" s="1"/>
      <c r="AE6" s="1"/>
    </row>
    <row r="7" spans="2:31" ht="16.5" customHeight="1" x14ac:dyDescent="0.2">
      <c r="D7" s="73"/>
      <c r="E7" s="5">
        <v>2</v>
      </c>
      <c r="F7" s="71" t="s">
        <v>127</v>
      </c>
      <c r="AC7" s="73"/>
      <c r="AD7" s="1"/>
      <c r="AE7" s="1"/>
    </row>
    <row r="8" spans="2:31" ht="16.5" customHeight="1" x14ac:dyDescent="0.2">
      <c r="D8" s="73"/>
      <c r="E8" s="5">
        <v>3</v>
      </c>
      <c r="F8" s="5" t="s">
        <v>123</v>
      </c>
      <c r="AC8" s="73"/>
      <c r="AD8" s="1"/>
      <c r="AE8" s="1"/>
    </row>
    <row r="9" spans="2:31" ht="16.5" customHeight="1" x14ac:dyDescent="0.2">
      <c r="D9" s="73"/>
      <c r="E9" s="5">
        <v>4</v>
      </c>
      <c r="F9" s="5" t="s">
        <v>124</v>
      </c>
      <c r="AC9" s="73"/>
      <c r="AD9" s="1"/>
      <c r="AE9" s="1"/>
    </row>
    <row r="10" spans="2:31" ht="16.5" customHeight="1" x14ac:dyDescent="0.2">
      <c r="D10" s="73"/>
      <c r="F10" s="71" t="s">
        <v>122</v>
      </c>
      <c r="AC10" s="73"/>
      <c r="AD10" s="1"/>
      <c r="AE10" s="1"/>
    </row>
    <row r="11" spans="2:31" ht="16.5" customHeight="1" x14ac:dyDescent="0.2">
      <c r="D11" s="73"/>
      <c r="AC11" s="73"/>
      <c r="AD11" s="1"/>
      <c r="AE11" s="1"/>
    </row>
    <row r="12" spans="2:31" ht="16.5" customHeight="1" x14ac:dyDescent="0.2">
      <c r="D12" s="85" t="s">
        <v>64</v>
      </c>
      <c r="E12" s="95"/>
      <c r="F12" s="97" t="s">
        <v>116</v>
      </c>
      <c r="G12" s="90"/>
      <c r="H12" s="90"/>
      <c r="I12" s="90"/>
      <c r="J12" s="90"/>
      <c r="K12" s="90"/>
      <c r="L12" s="90"/>
      <c r="M12" s="90"/>
      <c r="N12" s="90"/>
      <c r="O12" s="90"/>
      <c r="P12" s="90"/>
      <c r="Q12" s="90"/>
      <c r="R12" s="90"/>
      <c r="S12" s="90"/>
      <c r="T12" s="90"/>
      <c r="U12" s="90"/>
      <c r="V12" s="90"/>
      <c r="W12" s="90"/>
      <c r="X12" s="90"/>
      <c r="Y12" s="90"/>
      <c r="Z12" s="90"/>
      <c r="AA12" s="90"/>
      <c r="AB12" s="90"/>
      <c r="AC12" s="91"/>
      <c r="AD12" s="1"/>
      <c r="AE12" s="1"/>
    </row>
    <row r="13" spans="2:31" ht="16.5" customHeight="1" x14ac:dyDescent="0.2">
      <c r="D13" s="87"/>
      <c r="E13" s="96"/>
      <c r="F13" s="92"/>
      <c r="G13" s="93"/>
      <c r="H13" s="93"/>
      <c r="I13" s="93"/>
      <c r="J13" s="93"/>
      <c r="K13" s="93"/>
      <c r="L13" s="93"/>
      <c r="M13" s="93"/>
      <c r="N13" s="93"/>
      <c r="O13" s="93"/>
      <c r="P13" s="93"/>
      <c r="Q13" s="93"/>
      <c r="R13" s="93"/>
      <c r="S13" s="93"/>
      <c r="T13" s="93"/>
      <c r="U13" s="93"/>
      <c r="V13" s="93"/>
      <c r="W13" s="93"/>
      <c r="X13" s="93"/>
      <c r="Y13" s="93"/>
      <c r="Z13" s="93"/>
      <c r="AA13" s="93"/>
      <c r="AB13" s="93"/>
      <c r="AC13" s="94"/>
      <c r="AD13" s="1"/>
      <c r="AE13" s="1"/>
    </row>
    <row r="14" spans="2:31" ht="16.5" customHeight="1" x14ac:dyDescent="0.2">
      <c r="D14" s="73"/>
      <c r="F14" s="73"/>
      <c r="G14" s="73"/>
      <c r="H14" s="73"/>
      <c r="I14" s="73"/>
      <c r="J14" s="73"/>
      <c r="K14" s="73"/>
      <c r="L14" s="73"/>
      <c r="M14" s="73"/>
      <c r="N14" s="73"/>
      <c r="O14" s="73"/>
      <c r="P14" s="73"/>
      <c r="Q14" s="73"/>
      <c r="R14" s="73"/>
      <c r="S14" s="73"/>
      <c r="T14" s="73"/>
      <c r="U14" s="73"/>
      <c r="V14" s="73"/>
      <c r="W14" s="73"/>
      <c r="X14" s="73"/>
      <c r="Y14" s="73"/>
      <c r="Z14" s="73"/>
      <c r="AA14" s="73"/>
      <c r="AB14" s="73"/>
      <c r="AC14" s="73"/>
      <c r="AD14" s="1"/>
      <c r="AE14" s="1"/>
    </row>
    <row r="15" spans="2:31" ht="16.5" customHeight="1" x14ac:dyDescent="0.2">
      <c r="D15" s="5" t="s">
        <v>52</v>
      </c>
      <c r="E15" s="5" t="s">
        <v>125</v>
      </c>
      <c r="P15" s="29"/>
      <c r="Q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</row>
    <row r="16" spans="2:31" ht="7.5" customHeight="1" x14ac:dyDescent="0.2">
      <c r="B16" s="5"/>
      <c r="AD16" s="1"/>
      <c r="AE16" s="1"/>
    </row>
    <row r="17" spans="2:35" ht="16.5" customHeight="1" x14ac:dyDescent="0.2">
      <c r="E17" s="116" t="s">
        <v>1</v>
      </c>
      <c r="F17" s="117"/>
      <c r="G17" s="117"/>
      <c r="H17" s="117"/>
      <c r="I17" s="117"/>
      <c r="J17" s="118"/>
      <c r="K17" s="111">
        <v>4700000</v>
      </c>
      <c r="L17" s="111"/>
      <c r="M17" s="111"/>
      <c r="N17" s="111"/>
      <c r="O17" s="111"/>
      <c r="P17" s="111"/>
      <c r="Q17" s="111"/>
      <c r="R17" s="111"/>
      <c r="S17" s="111"/>
      <c r="T17" s="111"/>
      <c r="U17" s="111"/>
      <c r="V17" s="111"/>
      <c r="W17" s="111"/>
      <c r="X17" s="111"/>
      <c r="Y17" s="111"/>
      <c r="Z17" s="111"/>
      <c r="AA17" s="30"/>
      <c r="AB17" s="30"/>
      <c r="AC17" s="30"/>
      <c r="AD17" s="1"/>
      <c r="AE17" s="1"/>
      <c r="AH17" s="18"/>
    </row>
    <row r="18" spans="2:35" ht="16.5" customHeight="1" x14ac:dyDescent="0.2">
      <c r="E18" s="116" t="s">
        <v>2</v>
      </c>
      <c r="F18" s="117"/>
      <c r="G18" s="117"/>
      <c r="H18" s="117"/>
      <c r="I18" s="117"/>
      <c r="J18" s="118"/>
      <c r="K18" s="111" t="s">
        <v>108</v>
      </c>
      <c r="L18" s="111"/>
      <c r="M18" s="111"/>
      <c r="N18" s="111"/>
      <c r="O18" s="111"/>
      <c r="P18" s="111"/>
      <c r="Q18" s="111"/>
      <c r="R18" s="111"/>
      <c r="S18" s="111"/>
      <c r="T18" s="111"/>
      <c r="U18" s="111"/>
      <c r="V18" s="111"/>
      <c r="W18" s="111"/>
      <c r="X18" s="111"/>
      <c r="Y18" s="111"/>
      <c r="Z18" s="111"/>
      <c r="AA18" s="30"/>
      <c r="AB18" s="30"/>
      <c r="AC18" s="30"/>
      <c r="AD18" s="1"/>
      <c r="AE18" s="1"/>
    </row>
    <row r="19" spans="2:35" ht="16.5" customHeight="1" x14ac:dyDescent="0.2">
      <c r="E19" s="116" t="s">
        <v>130</v>
      </c>
      <c r="F19" s="117"/>
      <c r="G19" s="117"/>
      <c r="H19" s="117"/>
      <c r="I19" s="117"/>
      <c r="J19" s="118"/>
      <c r="K19" s="63" t="s">
        <v>110</v>
      </c>
      <c r="L19" s="110">
        <v>36.724089999999997</v>
      </c>
      <c r="M19" s="110"/>
      <c r="N19" s="110"/>
      <c r="O19" s="110"/>
      <c r="P19" s="110"/>
      <c r="Q19" s="110"/>
      <c r="R19" s="110"/>
      <c r="S19" s="63" t="s">
        <v>111</v>
      </c>
      <c r="T19" s="111">
        <v>137.238584</v>
      </c>
      <c r="U19" s="111"/>
      <c r="V19" s="111"/>
      <c r="W19" s="111"/>
      <c r="X19" s="111"/>
      <c r="Y19" s="111"/>
      <c r="Z19" s="111"/>
      <c r="AA19" s="30"/>
      <c r="AB19" s="30"/>
      <c r="AC19" s="30"/>
      <c r="AD19" s="1"/>
      <c r="AE19" s="1"/>
      <c r="AH19" s="18"/>
    </row>
    <row r="20" spans="2:35" ht="16.5" customHeight="1" x14ac:dyDescent="0.2">
      <c r="E20" s="116" t="s">
        <v>113</v>
      </c>
      <c r="F20" s="117"/>
      <c r="G20" s="117"/>
      <c r="H20" s="117"/>
      <c r="I20" s="117"/>
      <c r="J20" s="118"/>
      <c r="K20" s="111" t="s">
        <v>106</v>
      </c>
      <c r="L20" s="111"/>
      <c r="M20" s="111"/>
      <c r="N20" s="111"/>
      <c r="O20" s="111"/>
      <c r="P20" s="111"/>
      <c r="Q20" s="111"/>
      <c r="R20" s="111"/>
      <c r="S20" s="111"/>
      <c r="T20" s="111"/>
      <c r="U20" s="111"/>
      <c r="V20" s="111"/>
      <c r="W20" s="111"/>
      <c r="X20" s="111"/>
      <c r="Y20" s="111"/>
      <c r="Z20" s="111"/>
      <c r="AA20" s="30"/>
      <c r="AB20" s="30"/>
      <c r="AC20" s="30"/>
      <c r="AD20" s="1"/>
      <c r="AE20" s="1"/>
    </row>
    <row r="21" spans="2:35" ht="16.5" customHeight="1" x14ac:dyDescent="0.2">
      <c r="E21" s="116" t="s">
        <v>13</v>
      </c>
      <c r="F21" s="117"/>
      <c r="G21" s="117"/>
      <c r="H21" s="117"/>
      <c r="I21" s="117"/>
      <c r="J21" s="118"/>
      <c r="K21" s="120" t="s">
        <v>93</v>
      </c>
      <c r="L21" s="110"/>
      <c r="M21" s="110"/>
      <c r="N21" s="110"/>
      <c r="O21" s="110"/>
      <c r="P21" s="110"/>
      <c r="Q21" s="110"/>
      <c r="R21" s="110"/>
      <c r="S21" s="110"/>
      <c r="T21" s="110"/>
      <c r="U21" s="110"/>
      <c r="V21" s="110"/>
      <c r="W21" s="110"/>
      <c r="X21" s="110"/>
      <c r="Y21" s="110"/>
      <c r="Z21" s="121"/>
      <c r="AA21" s="30"/>
      <c r="AB21" s="30"/>
      <c r="AC21" s="30"/>
      <c r="AD21" s="1"/>
      <c r="AE21" s="1"/>
      <c r="AG21" s="1" t="s">
        <v>93</v>
      </c>
      <c r="AH21" s="1" t="s">
        <v>91</v>
      </c>
      <c r="AI21" s="1" t="s">
        <v>92</v>
      </c>
    </row>
    <row r="22" spans="2:35" ht="16.5" customHeight="1" x14ac:dyDescent="0.2">
      <c r="E22" s="116" t="s">
        <v>12</v>
      </c>
      <c r="F22" s="117"/>
      <c r="G22" s="117"/>
      <c r="H22" s="117"/>
      <c r="I22" s="117"/>
      <c r="J22" s="118"/>
      <c r="K22" s="111" t="s">
        <v>143</v>
      </c>
      <c r="L22" s="111"/>
      <c r="M22" s="111"/>
      <c r="N22" s="111"/>
      <c r="O22" s="111"/>
      <c r="P22" s="111"/>
      <c r="Q22" s="111"/>
      <c r="R22" s="111"/>
      <c r="S22" s="111"/>
      <c r="T22" s="111"/>
      <c r="U22" s="111"/>
      <c r="V22" s="111"/>
      <c r="W22" s="111"/>
      <c r="X22" s="111"/>
      <c r="Y22" s="111"/>
      <c r="Z22" s="111"/>
      <c r="AA22" s="30"/>
      <c r="AB22" s="30"/>
      <c r="AC22" s="30"/>
      <c r="AD22" s="1"/>
      <c r="AE22" s="1"/>
    </row>
    <row r="23" spans="2:35" ht="16.5" customHeight="1" x14ac:dyDescent="0.2">
      <c r="B23" s="5"/>
      <c r="E23" s="22" t="s">
        <v>131</v>
      </c>
      <c r="F23" s="6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3"/>
      <c r="R23" s="13"/>
      <c r="S23" s="13"/>
      <c r="T23" s="13"/>
      <c r="U23" s="13"/>
      <c r="V23" s="13"/>
      <c r="W23" s="13"/>
      <c r="X23" s="13"/>
      <c r="Y23" s="13"/>
      <c r="Z23" s="13"/>
      <c r="AA23" s="13"/>
      <c r="AD23" s="1"/>
      <c r="AE23" s="1"/>
    </row>
    <row r="24" spans="2:35" ht="16.5" customHeight="1" x14ac:dyDescent="0.2">
      <c r="B24" s="5"/>
      <c r="E24" s="22"/>
      <c r="F24" s="6"/>
      <c r="G24" s="13"/>
      <c r="H24" s="13"/>
      <c r="I24" s="13"/>
      <c r="J24" s="13"/>
      <c r="K24" s="13"/>
      <c r="L24" s="13"/>
      <c r="M24" s="13"/>
      <c r="N24" s="13"/>
      <c r="O24" s="13"/>
      <c r="P24" s="13"/>
      <c r="Q24" s="13"/>
      <c r="R24" s="13"/>
      <c r="S24" s="13"/>
      <c r="T24" s="13"/>
      <c r="U24" s="13"/>
      <c r="V24" s="13"/>
      <c r="W24" s="13"/>
      <c r="X24" s="13"/>
      <c r="Y24" s="13"/>
      <c r="Z24" s="13"/>
      <c r="AA24" s="13"/>
      <c r="AD24" s="1"/>
      <c r="AE24" s="1"/>
    </row>
    <row r="25" spans="2:35" ht="7.5" customHeight="1" x14ac:dyDescent="0.2">
      <c r="B25" s="5"/>
      <c r="D25" s="31"/>
      <c r="E25" s="1"/>
      <c r="AD25" s="1"/>
      <c r="AE25" s="1"/>
    </row>
    <row r="26" spans="2:35" ht="16.5" customHeight="1" x14ac:dyDescent="0.2">
      <c r="D26" s="85" t="s">
        <v>65</v>
      </c>
      <c r="E26" s="95"/>
      <c r="F26" s="97" t="s">
        <v>75</v>
      </c>
      <c r="G26" s="90"/>
      <c r="H26" s="90"/>
      <c r="I26" s="90"/>
      <c r="J26" s="90"/>
      <c r="K26" s="90"/>
      <c r="L26" s="90"/>
      <c r="M26" s="90"/>
      <c r="N26" s="90"/>
      <c r="O26" s="90"/>
      <c r="P26" s="90"/>
      <c r="Q26" s="90"/>
      <c r="R26" s="90"/>
      <c r="S26" s="90"/>
      <c r="T26" s="90"/>
      <c r="U26" s="90"/>
      <c r="V26" s="90"/>
      <c r="W26" s="90"/>
      <c r="X26" s="90"/>
      <c r="Y26" s="90"/>
      <c r="Z26" s="90"/>
      <c r="AA26" s="90"/>
      <c r="AB26" s="90"/>
      <c r="AC26" s="91"/>
      <c r="AD26" s="1"/>
      <c r="AE26" s="1"/>
    </row>
    <row r="27" spans="2:35" ht="16.5" customHeight="1" x14ac:dyDescent="0.2">
      <c r="D27" s="87"/>
      <c r="E27" s="96"/>
      <c r="F27" s="92"/>
      <c r="G27" s="93"/>
      <c r="H27" s="93"/>
      <c r="I27" s="93"/>
      <c r="J27" s="93"/>
      <c r="K27" s="93"/>
      <c r="L27" s="93"/>
      <c r="M27" s="93"/>
      <c r="N27" s="93"/>
      <c r="O27" s="93"/>
      <c r="P27" s="93"/>
      <c r="Q27" s="93"/>
      <c r="R27" s="93"/>
      <c r="S27" s="93"/>
      <c r="T27" s="93"/>
      <c r="U27" s="93"/>
      <c r="V27" s="93"/>
      <c r="W27" s="93"/>
      <c r="X27" s="93"/>
      <c r="Y27" s="93"/>
      <c r="Z27" s="93"/>
      <c r="AA27" s="93"/>
      <c r="AB27" s="93"/>
      <c r="AC27" s="94"/>
      <c r="AD27" s="1"/>
      <c r="AE27" s="1"/>
    </row>
    <row r="28" spans="2:35" ht="16.5" customHeight="1" x14ac:dyDescent="0.2">
      <c r="E28" s="32"/>
      <c r="F28" s="33"/>
      <c r="G28" s="33"/>
      <c r="H28" s="33"/>
      <c r="I28" s="33"/>
      <c r="J28" s="7"/>
      <c r="K28" s="7"/>
      <c r="L28" s="7"/>
      <c r="M28" s="7"/>
      <c r="N28" s="7"/>
      <c r="O28" s="7"/>
      <c r="P28" s="7"/>
      <c r="Q28" s="7"/>
      <c r="R28" s="7"/>
      <c r="S28" s="7"/>
      <c r="T28" s="7"/>
      <c r="U28" s="7"/>
      <c r="V28" s="7"/>
      <c r="W28" s="7"/>
      <c r="X28" s="7"/>
      <c r="Y28" s="7"/>
      <c r="Z28" s="7"/>
      <c r="AD28" s="13"/>
      <c r="AE28" s="1"/>
    </row>
    <row r="29" spans="2:35" ht="16.5" customHeight="1" x14ac:dyDescent="0.2">
      <c r="D29" s="5" t="s">
        <v>52</v>
      </c>
      <c r="E29" s="5" t="s">
        <v>60</v>
      </c>
      <c r="P29" s="29"/>
      <c r="Q29" s="1"/>
      <c r="T29" s="1"/>
      <c r="U29" s="1"/>
      <c r="V29" s="1"/>
      <c r="X29" s="1"/>
      <c r="Y29" s="51" t="s">
        <v>34</v>
      </c>
      <c r="Z29" s="122" t="s">
        <v>61</v>
      </c>
      <c r="AA29" s="122"/>
      <c r="AB29" s="122"/>
      <c r="AC29" s="122"/>
      <c r="AE29" s="1"/>
      <c r="AG29" s="1" t="s">
        <v>61</v>
      </c>
      <c r="AH29" s="1" t="s">
        <v>62</v>
      </c>
    </row>
    <row r="30" spans="2:35" ht="7.5" customHeight="1" x14ac:dyDescent="0.2">
      <c r="B30" s="5"/>
      <c r="AD30" s="1"/>
      <c r="AE30" s="1"/>
    </row>
    <row r="31" spans="2:35" ht="16.5" customHeight="1" x14ac:dyDescent="0.2">
      <c r="D31" s="5" t="s">
        <v>52</v>
      </c>
      <c r="E31" s="5" t="s">
        <v>63</v>
      </c>
      <c r="P31" s="34"/>
      <c r="AD31" s="1"/>
      <c r="AE31" s="1"/>
    </row>
    <row r="32" spans="2:35" ht="7.5" customHeight="1" x14ac:dyDescent="0.2">
      <c r="B32" s="5"/>
      <c r="D32" s="31"/>
      <c r="E32" s="1"/>
      <c r="AD32" s="1"/>
      <c r="AE32" s="1"/>
    </row>
    <row r="33" spans="2:38" ht="16.5" customHeight="1" x14ac:dyDescent="0.2">
      <c r="D33" s="1"/>
      <c r="E33" s="1"/>
      <c r="G33" s="29" t="s">
        <v>48</v>
      </c>
      <c r="H33" s="98" t="s">
        <v>126</v>
      </c>
      <c r="I33" s="99"/>
      <c r="J33" s="99"/>
      <c r="K33" s="99"/>
      <c r="L33" s="99"/>
      <c r="M33" s="99"/>
      <c r="N33" s="99"/>
      <c r="O33" s="99"/>
      <c r="P33" s="99"/>
      <c r="Q33" s="99"/>
      <c r="R33" s="99"/>
      <c r="S33" s="99"/>
      <c r="T33" s="99"/>
      <c r="U33" s="99"/>
      <c r="V33" s="99"/>
      <c r="W33" s="99"/>
      <c r="X33" s="99"/>
      <c r="Y33" s="99"/>
      <c r="Z33" s="99"/>
      <c r="AA33" s="99"/>
      <c r="AB33" s="99"/>
      <c r="AC33" s="100"/>
      <c r="AD33" s="1"/>
      <c r="AE33" s="1"/>
    </row>
    <row r="34" spans="2:38" ht="7.5" customHeight="1" x14ac:dyDescent="0.2">
      <c r="B34" s="5"/>
      <c r="D34" s="3"/>
      <c r="E34" s="3"/>
      <c r="F34" s="7"/>
      <c r="G34" s="53"/>
      <c r="H34" s="101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X34" s="102"/>
      <c r="Y34" s="102"/>
      <c r="Z34" s="102"/>
      <c r="AA34" s="102"/>
      <c r="AB34" s="102"/>
      <c r="AC34" s="103"/>
      <c r="AD34" s="1"/>
      <c r="AE34" s="1"/>
    </row>
    <row r="35" spans="2:38" ht="16.5" customHeight="1" x14ac:dyDescent="0.2">
      <c r="D35" s="11"/>
      <c r="E35" s="11"/>
      <c r="F35" s="11"/>
      <c r="G35" s="11"/>
      <c r="H35" s="101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  <c r="U35" s="102"/>
      <c r="V35" s="102"/>
      <c r="W35" s="102"/>
      <c r="X35" s="102"/>
      <c r="Y35" s="102"/>
      <c r="Z35" s="102"/>
      <c r="AA35" s="102"/>
      <c r="AB35" s="102"/>
      <c r="AC35" s="103"/>
      <c r="AD35" s="1"/>
      <c r="AE35" s="1"/>
    </row>
    <row r="36" spans="2:38" ht="7.5" customHeight="1" x14ac:dyDescent="0.2">
      <c r="B36" s="5"/>
      <c r="C36" s="7"/>
      <c r="D36" s="11"/>
      <c r="E36" s="11"/>
      <c r="F36" s="11"/>
      <c r="G36" s="11"/>
      <c r="H36" s="104"/>
      <c r="I36" s="105"/>
      <c r="J36" s="105"/>
      <c r="K36" s="105"/>
      <c r="L36" s="105"/>
      <c r="M36" s="105"/>
      <c r="N36" s="105"/>
      <c r="O36" s="105"/>
      <c r="P36" s="105"/>
      <c r="Q36" s="105"/>
      <c r="R36" s="105"/>
      <c r="S36" s="105"/>
      <c r="T36" s="105"/>
      <c r="U36" s="105"/>
      <c r="V36" s="105"/>
      <c r="W36" s="105"/>
      <c r="X36" s="105"/>
      <c r="Y36" s="105"/>
      <c r="Z36" s="105"/>
      <c r="AA36" s="105"/>
      <c r="AB36" s="105"/>
      <c r="AC36" s="106"/>
      <c r="AD36" s="1"/>
      <c r="AE36" s="1"/>
    </row>
    <row r="37" spans="2:38" ht="7.5" customHeight="1" x14ac:dyDescent="0.2">
      <c r="B37" s="5"/>
      <c r="D37" s="31"/>
      <c r="E37" s="1"/>
      <c r="AD37" s="1"/>
      <c r="AE37" s="1"/>
    </row>
    <row r="38" spans="2:38" ht="15.75" customHeight="1" x14ac:dyDescent="0.2">
      <c r="D38" s="1"/>
      <c r="E38" s="7" t="s">
        <v>141</v>
      </c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  <c r="Z38" s="7"/>
      <c r="AD38" s="13"/>
      <c r="AE38" s="1"/>
    </row>
    <row r="39" spans="2:38" ht="13.2" x14ac:dyDescent="0.2">
      <c r="D39" s="15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  <c r="Z39" s="7"/>
      <c r="AD39" s="13"/>
      <c r="AE39" s="1"/>
    </row>
    <row r="40" spans="2:38" ht="7.5" customHeight="1" x14ac:dyDescent="0.2">
      <c r="B40" s="5"/>
      <c r="D40" s="31"/>
      <c r="E40" s="1"/>
      <c r="AD40" s="1"/>
      <c r="AE40" s="1"/>
    </row>
    <row r="41" spans="2:38" ht="16.5" customHeight="1" x14ac:dyDescent="0.2">
      <c r="D41" s="85" t="s">
        <v>66</v>
      </c>
      <c r="E41" s="95"/>
      <c r="F41" s="97" t="s">
        <v>76</v>
      </c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  <c r="X41" s="90"/>
      <c r="Y41" s="90"/>
      <c r="Z41" s="90"/>
      <c r="AA41" s="90"/>
      <c r="AB41" s="90"/>
      <c r="AC41" s="91"/>
      <c r="AD41" s="1"/>
      <c r="AE41" s="1"/>
    </row>
    <row r="42" spans="2:38" ht="16.5" customHeight="1" x14ac:dyDescent="0.2">
      <c r="D42" s="87"/>
      <c r="E42" s="96"/>
      <c r="F42" s="92"/>
      <c r="G42" s="93"/>
      <c r="H42" s="93"/>
      <c r="I42" s="93"/>
      <c r="J42" s="93"/>
      <c r="K42" s="93"/>
      <c r="L42" s="93"/>
      <c r="M42" s="93"/>
      <c r="N42" s="93"/>
      <c r="O42" s="93"/>
      <c r="P42" s="93"/>
      <c r="Q42" s="93"/>
      <c r="R42" s="93"/>
      <c r="S42" s="93"/>
      <c r="T42" s="93"/>
      <c r="U42" s="93"/>
      <c r="V42" s="93"/>
      <c r="W42" s="93"/>
      <c r="X42" s="93"/>
      <c r="Y42" s="93"/>
      <c r="Z42" s="93"/>
      <c r="AA42" s="93"/>
      <c r="AB42" s="93"/>
      <c r="AC42" s="94"/>
      <c r="AD42" s="1"/>
      <c r="AE42" s="1"/>
    </row>
    <row r="43" spans="2:38" ht="16.5" customHeight="1" x14ac:dyDescent="0.2">
      <c r="E43" s="32"/>
      <c r="F43" s="33"/>
      <c r="G43" s="33"/>
      <c r="H43" s="33"/>
      <c r="I43" s="33"/>
      <c r="J43" s="7"/>
      <c r="K43" s="7"/>
      <c r="L43" s="7"/>
      <c r="M43" s="7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  <c r="Z43" s="7"/>
      <c r="AD43" s="13"/>
      <c r="AE43" s="1"/>
    </row>
    <row r="44" spans="2:38" ht="16.5" customHeight="1" x14ac:dyDescent="0.2">
      <c r="D44" s="5" t="s">
        <v>52</v>
      </c>
      <c r="E44" s="5" t="s">
        <v>53</v>
      </c>
      <c r="P44" s="29"/>
      <c r="Q44" s="1"/>
      <c r="U44" s="1"/>
      <c r="V44" s="51" t="s">
        <v>34</v>
      </c>
      <c r="W44" s="107" t="s">
        <v>35</v>
      </c>
      <c r="X44" s="108"/>
      <c r="Y44" s="108"/>
      <c r="Z44" s="108"/>
      <c r="AA44" s="108"/>
      <c r="AB44" s="108"/>
      <c r="AC44" s="109"/>
      <c r="AE44" s="1"/>
      <c r="AG44" s="1" t="s">
        <v>18</v>
      </c>
      <c r="AH44" s="1" t="s">
        <v>15</v>
      </c>
      <c r="AI44" s="1" t="s">
        <v>16</v>
      </c>
      <c r="AJ44" s="1" t="s">
        <v>35</v>
      </c>
      <c r="AK44" s="1" t="s">
        <v>17</v>
      </c>
      <c r="AL44" s="1" t="s">
        <v>0</v>
      </c>
    </row>
    <row r="45" spans="2:38" ht="7.5" customHeight="1" x14ac:dyDescent="0.2">
      <c r="B45" s="5"/>
      <c r="AD45" s="1"/>
      <c r="AE45" s="1"/>
    </row>
    <row r="46" spans="2:38" ht="16.5" customHeight="1" x14ac:dyDescent="0.2">
      <c r="D46" s="5" t="s">
        <v>52</v>
      </c>
      <c r="E46" s="5" t="s">
        <v>54</v>
      </c>
      <c r="H46" s="34"/>
      <c r="AD46" s="1"/>
      <c r="AE46" s="1"/>
    </row>
    <row r="47" spans="2:38" ht="7.5" customHeight="1" x14ac:dyDescent="0.2">
      <c r="B47" s="5"/>
      <c r="AD47" s="1"/>
      <c r="AE47" s="1"/>
    </row>
    <row r="48" spans="2:38" ht="16.5" customHeight="1" x14ac:dyDescent="0.2">
      <c r="D48" s="31"/>
      <c r="E48" s="34" t="s">
        <v>102</v>
      </c>
      <c r="AD48" s="1"/>
      <c r="AE48" s="1"/>
    </row>
    <row r="49" spans="2:35" ht="7.5" customHeight="1" x14ac:dyDescent="0.2">
      <c r="B49" s="5"/>
      <c r="AD49" s="1"/>
      <c r="AE49" s="1"/>
    </row>
    <row r="50" spans="2:35" s="4" customFormat="1" ht="16.5" customHeight="1" x14ac:dyDescent="0.2">
      <c r="B50" s="28"/>
      <c r="C50" s="5"/>
      <c r="D50" s="5">
        <v>1</v>
      </c>
      <c r="E50" s="5" t="s">
        <v>6</v>
      </c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T50" s="5"/>
      <c r="U50" s="5"/>
      <c r="V50" s="5"/>
      <c r="W50" s="5"/>
      <c r="X50" s="5"/>
      <c r="Z50" s="51" t="s">
        <v>33</v>
      </c>
      <c r="AA50" s="107" t="s">
        <v>19</v>
      </c>
      <c r="AB50" s="108"/>
      <c r="AC50" s="109"/>
      <c r="AD50" s="5"/>
      <c r="AG50" s="4" t="s">
        <v>11</v>
      </c>
      <c r="AH50" s="4" t="s">
        <v>19</v>
      </c>
      <c r="AI50" s="4" t="s">
        <v>20</v>
      </c>
    </row>
    <row r="51" spans="2:35" ht="7.5" customHeight="1" x14ac:dyDescent="0.2">
      <c r="B51" s="5"/>
      <c r="S51" s="1"/>
      <c r="Y51" s="1"/>
      <c r="Z51" s="34"/>
      <c r="AD51" s="5"/>
      <c r="AE51" s="1"/>
    </row>
    <row r="52" spans="2:35" s="4" customFormat="1" ht="16.5" customHeight="1" x14ac:dyDescent="0.2">
      <c r="B52" s="28"/>
      <c r="C52" s="5"/>
      <c r="D52" s="5">
        <v>2</v>
      </c>
      <c r="E52" s="5" t="s">
        <v>7</v>
      </c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T52" s="5"/>
      <c r="U52" s="5"/>
      <c r="V52" s="5"/>
      <c r="W52" s="5"/>
      <c r="X52" s="5"/>
      <c r="Z52" s="51" t="s">
        <v>33</v>
      </c>
      <c r="AA52" s="107" t="s">
        <v>19</v>
      </c>
      <c r="AB52" s="108"/>
      <c r="AC52" s="109"/>
      <c r="AD52" s="5"/>
      <c r="AG52" s="4" t="s">
        <v>11</v>
      </c>
      <c r="AH52" s="4" t="s">
        <v>19</v>
      </c>
      <c r="AI52" s="4" t="s">
        <v>20</v>
      </c>
    </row>
    <row r="53" spans="2:35" ht="7.5" customHeight="1" x14ac:dyDescent="0.2">
      <c r="B53" s="5"/>
      <c r="S53" s="1"/>
      <c r="Y53" s="1"/>
      <c r="Z53" s="34"/>
      <c r="AD53" s="5"/>
      <c r="AE53" s="1"/>
    </row>
    <row r="54" spans="2:35" s="5" customFormat="1" ht="16.5" customHeight="1" x14ac:dyDescent="0.2">
      <c r="B54" s="28"/>
      <c r="D54" s="5">
        <v>3</v>
      </c>
      <c r="E54" s="5" t="s">
        <v>8</v>
      </c>
      <c r="Z54" s="51" t="s">
        <v>39</v>
      </c>
      <c r="AA54" s="107" t="s">
        <v>19</v>
      </c>
      <c r="AB54" s="108"/>
      <c r="AC54" s="109"/>
      <c r="AE54" s="4"/>
      <c r="AF54" s="4"/>
      <c r="AG54" s="4" t="s">
        <v>40</v>
      </c>
      <c r="AH54" s="4" t="s">
        <v>19</v>
      </c>
      <c r="AI54" s="4" t="s">
        <v>41</v>
      </c>
    </row>
    <row r="55" spans="2:35" ht="7.5" customHeight="1" x14ac:dyDescent="0.2">
      <c r="B55" s="5"/>
      <c r="S55" s="1"/>
      <c r="Y55" s="1"/>
      <c r="Z55" s="34"/>
      <c r="AD55" s="5"/>
      <c r="AE55" s="1"/>
    </row>
    <row r="56" spans="2:35" s="5" customFormat="1" ht="16.5" customHeight="1" x14ac:dyDescent="0.2">
      <c r="B56" s="28"/>
      <c r="D56" s="5">
        <v>4</v>
      </c>
      <c r="E56" s="5" t="s">
        <v>49</v>
      </c>
      <c r="Z56" s="51" t="s">
        <v>43</v>
      </c>
      <c r="AA56" s="107" t="s">
        <v>45</v>
      </c>
      <c r="AB56" s="108"/>
      <c r="AC56" s="109"/>
      <c r="AE56" s="4"/>
      <c r="AF56" s="4"/>
      <c r="AG56" s="4" t="s">
        <v>44</v>
      </c>
      <c r="AH56" s="4" t="s">
        <v>45</v>
      </c>
      <c r="AI56" s="4" t="s">
        <v>46</v>
      </c>
    </row>
    <row r="57" spans="2:35" ht="7.5" customHeight="1" x14ac:dyDescent="0.2">
      <c r="Y57" s="1"/>
      <c r="AD57" s="1"/>
      <c r="AE57" s="1"/>
    </row>
    <row r="58" spans="2:35" ht="16.5" customHeight="1" x14ac:dyDescent="0.2">
      <c r="D58" s="5" t="s">
        <v>52</v>
      </c>
      <c r="E58" s="5" t="s">
        <v>56</v>
      </c>
      <c r="F58" s="33"/>
      <c r="G58" s="33"/>
      <c r="H58" s="33"/>
      <c r="I58" s="33"/>
      <c r="J58" s="33"/>
      <c r="K58" s="33"/>
      <c r="L58" s="33"/>
      <c r="M58" s="33"/>
      <c r="N58" s="7"/>
      <c r="O58" s="7"/>
      <c r="P58" s="7"/>
      <c r="Q58" s="7"/>
      <c r="R58" s="7"/>
      <c r="S58" s="7"/>
      <c r="T58" s="7"/>
      <c r="U58" s="7"/>
      <c r="V58" s="7"/>
      <c r="W58" s="7"/>
      <c r="X58" s="7"/>
      <c r="Y58" s="1"/>
      <c r="Z58" s="7"/>
      <c r="AD58" s="13"/>
      <c r="AE58" s="1"/>
    </row>
    <row r="59" spans="2:35" ht="7.5" customHeight="1" x14ac:dyDescent="0.2">
      <c r="B59" s="5"/>
      <c r="U59" s="1"/>
      <c r="Y59" s="1"/>
      <c r="Z59" s="34"/>
      <c r="AD59" s="5"/>
      <c r="AE59" s="1"/>
    </row>
    <row r="60" spans="2:35" ht="16.5" customHeight="1" x14ac:dyDescent="0.2">
      <c r="D60" s="5">
        <v>1</v>
      </c>
      <c r="E60" s="5" t="s">
        <v>9</v>
      </c>
      <c r="U60" s="1"/>
      <c r="Y60" s="1"/>
      <c r="Z60" s="51" t="s">
        <v>42</v>
      </c>
      <c r="AA60" s="107" t="s">
        <v>36</v>
      </c>
      <c r="AB60" s="108"/>
      <c r="AC60" s="109"/>
      <c r="AD60" s="5"/>
      <c r="AE60" s="1"/>
      <c r="AG60" s="1" t="s">
        <v>36</v>
      </c>
      <c r="AH60" s="1" t="s">
        <v>19</v>
      </c>
      <c r="AI60" s="1" t="s">
        <v>38</v>
      </c>
    </row>
    <row r="61" spans="2:35" ht="7.5" customHeight="1" x14ac:dyDescent="0.2">
      <c r="B61" s="5"/>
      <c r="U61" s="1"/>
      <c r="Y61" s="1"/>
      <c r="Z61" s="34"/>
      <c r="AD61" s="5"/>
      <c r="AE61" s="1"/>
    </row>
    <row r="62" spans="2:35" s="4" customFormat="1" ht="16.5" customHeight="1" x14ac:dyDescent="0.2">
      <c r="B62" s="28"/>
      <c r="C62" s="5"/>
      <c r="D62" s="5">
        <v>2</v>
      </c>
      <c r="E62" s="5" t="s">
        <v>10</v>
      </c>
      <c r="F62" s="5"/>
      <c r="G62" s="5"/>
      <c r="H62" s="5"/>
      <c r="I62" s="5"/>
      <c r="J62" s="5"/>
      <c r="K62" s="5"/>
      <c r="L62" s="5"/>
      <c r="M62" s="5"/>
      <c r="N62" s="5"/>
      <c r="O62" s="5"/>
      <c r="P62" s="5"/>
      <c r="Q62" s="5"/>
      <c r="R62" s="5"/>
      <c r="S62" s="5"/>
      <c r="T62" s="5"/>
      <c r="V62" s="5"/>
      <c r="W62" s="5"/>
      <c r="X62" s="5"/>
      <c r="Z62" s="51" t="s">
        <v>33</v>
      </c>
      <c r="AA62" s="107" t="s">
        <v>19</v>
      </c>
      <c r="AB62" s="108"/>
      <c r="AC62" s="109"/>
      <c r="AD62" s="5"/>
      <c r="AG62" s="4" t="s">
        <v>11</v>
      </c>
      <c r="AH62" s="4" t="s">
        <v>19</v>
      </c>
      <c r="AI62" s="4" t="s">
        <v>20</v>
      </c>
    </row>
    <row r="63" spans="2:35" ht="7.5" customHeight="1" x14ac:dyDescent="0.2">
      <c r="B63" s="5"/>
      <c r="U63" s="1"/>
      <c r="Y63" s="1"/>
      <c r="Z63" s="34"/>
      <c r="AD63" s="5"/>
      <c r="AE63" s="1"/>
    </row>
    <row r="64" spans="2:35" s="4" customFormat="1" ht="16.5" customHeight="1" x14ac:dyDescent="0.2">
      <c r="B64" s="28"/>
      <c r="C64" s="5"/>
      <c r="D64" s="5">
        <v>3</v>
      </c>
      <c r="E64" s="5" t="s">
        <v>49</v>
      </c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  <c r="V64" s="5"/>
      <c r="W64" s="5"/>
      <c r="X64" s="5"/>
      <c r="Z64" s="51" t="s">
        <v>43</v>
      </c>
      <c r="AA64" s="107" t="s">
        <v>46</v>
      </c>
      <c r="AB64" s="108"/>
      <c r="AC64" s="109"/>
      <c r="AD64" s="5"/>
      <c r="AG64" s="4" t="s">
        <v>44</v>
      </c>
      <c r="AH64" s="4" t="s">
        <v>45</v>
      </c>
      <c r="AI64" s="4" t="s">
        <v>46</v>
      </c>
    </row>
    <row r="65" spans="2:31" ht="7.5" customHeight="1" x14ac:dyDescent="0.2">
      <c r="B65" s="5"/>
      <c r="AD65" s="1"/>
      <c r="AE65" s="1"/>
    </row>
    <row r="66" spans="2:31" ht="16.5" customHeight="1" x14ac:dyDescent="0.2">
      <c r="D66" s="5" t="s">
        <v>52</v>
      </c>
      <c r="E66" s="5" t="s">
        <v>94</v>
      </c>
      <c r="P66" s="34"/>
      <c r="AD66" s="1"/>
      <c r="AE66" s="1"/>
    </row>
    <row r="67" spans="2:31" ht="7.5" customHeight="1" x14ac:dyDescent="0.2">
      <c r="B67" s="5"/>
      <c r="D67" s="31"/>
      <c r="E67" s="1"/>
      <c r="AD67" s="1"/>
      <c r="AE67" s="1"/>
    </row>
    <row r="68" spans="2:31" ht="16.5" customHeight="1" x14ac:dyDescent="0.2">
      <c r="D68" s="1"/>
      <c r="E68" s="1"/>
      <c r="G68" s="29" t="s">
        <v>48</v>
      </c>
      <c r="H68" s="98" t="s">
        <v>144</v>
      </c>
      <c r="I68" s="99"/>
      <c r="J68" s="99"/>
      <c r="K68" s="99"/>
      <c r="L68" s="99"/>
      <c r="M68" s="99"/>
      <c r="N68" s="99"/>
      <c r="O68" s="99"/>
      <c r="P68" s="99"/>
      <c r="Q68" s="99"/>
      <c r="R68" s="99"/>
      <c r="S68" s="99"/>
      <c r="T68" s="99"/>
      <c r="U68" s="99"/>
      <c r="V68" s="99"/>
      <c r="W68" s="99"/>
      <c r="X68" s="99"/>
      <c r="Y68" s="99"/>
      <c r="Z68" s="99"/>
      <c r="AA68" s="99"/>
      <c r="AB68" s="99"/>
      <c r="AC68" s="100"/>
      <c r="AD68" s="1"/>
      <c r="AE68" s="1"/>
    </row>
    <row r="69" spans="2:31" ht="7.5" customHeight="1" x14ac:dyDescent="0.2">
      <c r="B69" s="5"/>
      <c r="D69" s="3"/>
      <c r="E69" s="3"/>
      <c r="F69" s="7"/>
      <c r="G69" s="53"/>
      <c r="H69" s="101"/>
      <c r="I69" s="102"/>
      <c r="J69" s="102"/>
      <c r="K69" s="102"/>
      <c r="L69" s="102"/>
      <c r="M69" s="102"/>
      <c r="N69" s="102"/>
      <c r="O69" s="102"/>
      <c r="P69" s="102"/>
      <c r="Q69" s="102"/>
      <c r="R69" s="102"/>
      <c r="S69" s="102"/>
      <c r="T69" s="102"/>
      <c r="U69" s="102"/>
      <c r="V69" s="102"/>
      <c r="W69" s="102"/>
      <c r="X69" s="102"/>
      <c r="Y69" s="102"/>
      <c r="Z69" s="102"/>
      <c r="AA69" s="102"/>
      <c r="AB69" s="102"/>
      <c r="AC69" s="103"/>
      <c r="AD69" s="1"/>
      <c r="AE69" s="1"/>
    </row>
    <row r="70" spans="2:31" ht="16.5" customHeight="1" x14ac:dyDescent="0.2">
      <c r="D70" s="11"/>
      <c r="E70" s="11"/>
      <c r="F70" s="11"/>
      <c r="G70" s="11"/>
      <c r="H70" s="101"/>
      <c r="I70" s="102"/>
      <c r="J70" s="102"/>
      <c r="K70" s="102"/>
      <c r="L70" s="102"/>
      <c r="M70" s="102"/>
      <c r="N70" s="102"/>
      <c r="O70" s="102"/>
      <c r="P70" s="102"/>
      <c r="Q70" s="102"/>
      <c r="R70" s="102"/>
      <c r="S70" s="102"/>
      <c r="T70" s="102"/>
      <c r="U70" s="102"/>
      <c r="V70" s="102"/>
      <c r="W70" s="102"/>
      <c r="X70" s="102"/>
      <c r="Y70" s="102"/>
      <c r="Z70" s="102"/>
      <c r="AA70" s="102"/>
      <c r="AB70" s="102"/>
      <c r="AC70" s="103"/>
      <c r="AD70" s="1"/>
      <c r="AE70" s="1"/>
    </row>
    <row r="71" spans="2:31" ht="7.5" customHeight="1" x14ac:dyDescent="0.2">
      <c r="B71" s="5"/>
      <c r="C71" s="7"/>
      <c r="D71" s="11"/>
      <c r="E71" s="11"/>
      <c r="F71" s="11"/>
      <c r="G71" s="11"/>
      <c r="H71" s="104"/>
      <c r="I71" s="105"/>
      <c r="J71" s="105"/>
      <c r="K71" s="105"/>
      <c r="L71" s="105"/>
      <c r="M71" s="105"/>
      <c r="N71" s="105"/>
      <c r="O71" s="105"/>
      <c r="P71" s="105"/>
      <c r="Q71" s="105"/>
      <c r="R71" s="105"/>
      <c r="S71" s="105"/>
      <c r="T71" s="105"/>
      <c r="U71" s="105"/>
      <c r="V71" s="105"/>
      <c r="W71" s="105"/>
      <c r="X71" s="105"/>
      <c r="Y71" s="105"/>
      <c r="Z71" s="105"/>
      <c r="AA71" s="105"/>
      <c r="AB71" s="105"/>
      <c r="AC71" s="106"/>
      <c r="AD71" s="1"/>
      <c r="AE71" s="1"/>
    </row>
    <row r="72" spans="2:31" s="5" customFormat="1" ht="16.5" customHeight="1" x14ac:dyDescent="0.2">
      <c r="B72" s="28"/>
      <c r="C72" s="7"/>
    </row>
    <row r="73" spans="2:31" ht="7.5" customHeight="1" x14ac:dyDescent="0.2">
      <c r="B73" s="5"/>
      <c r="E73" s="7"/>
      <c r="U73" s="1"/>
      <c r="Y73" s="1"/>
      <c r="Z73" s="34"/>
      <c r="AD73" s="5"/>
      <c r="AE73" s="1"/>
    </row>
    <row r="74" spans="2:31" ht="16.5" customHeight="1" x14ac:dyDescent="0.2">
      <c r="E74" s="12"/>
      <c r="F74" s="12"/>
      <c r="G74" s="12"/>
      <c r="H74" s="7"/>
      <c r="I74" s="7"/>
      <c r="J74" s="7"/>
      <c r="K74" s="7"/>
      <c r="L74" s="7"/>
      <c r="M74" s="7"/>
      <c r="N74" s="7"/>
      <c r="O74" s="7"/>
      <c r="P74" s="7"/>
      <c r="Q74" s="7"/>
      <c r="R74" s="7"/>
      <c r="S74" s="7"/>
      <c r="T74" s="7"/>
      <c r="U74" s="7"/>
      <c r="V74" s="7"/>
      <c r="W74" s="7"/>
      <c r="X74" s="7"/>
      <c r="Y74" s="1"/>
      <c r="Z74" s="7"/>
      <c r="AA74" s="7"/>
      <c r="AD74" s="1"/>
      <c r="AE74" s="1"/>
    </row>
    <row r="75" spans="2:31" ht="16.5" customHeight="1" x14ac:dyDescent="0.2">
      <c r="D75" s="85" t="s">
        <v>3</v>
      </c>
      <c r="E75" s="95"/>
      <c r="F75" s="97" t="s">
        <v>112</v>
      </c>
      <c r="G75" s="90"/>
      <c r="H75" s="90"/>
      <c r="I75" s="90"/>
      <c r="J75" s="90"/>
      <c r="K75" s="90"/>
      <c r="L75" s="90"/>
      <c r="M75" s="90"/>
      <c r="N75" s="90"/>
      <c r="O75" s="90"/>
      <c r="P75" s="90"/>
      <c r="Q75" s="90"/>
      <c r="R75" s="90"/>
      <c r="S75" s="90"/>
      <c r="T75" s="90"/>
      <c r="U75" s="90"/>
      <c r="V75" s="90"/>
      <c r="W75" s="90"/>
      <c r="X75" s="90"/>
      <c r="Y75" s="90"/>
      <c r="Z75" s="90"/>
      <c r="AA75" s="90"/>
      <c r="AB75" s="90"/>
      <c r="AC75" s="91"/>
      <c r="AD75" s="1"/>
      <c r="AE75" s="1"/>
    </row>
    <row r="76" spans="2:31" ht="16.5" customHeight="1" x14ac:dyDescent="0.2">
      <c r="D76" s="87"/>
      <c r="E76" s="96"/>
      <c r="F76" s="92"/>
      <c r="G76" s="93"/>
      <c r="H76" s="93"/>
      <c r="I76" s="93"/>
      <c r="J76" s="93"/>
      <c r="K76" s="93"/>
      <c r="L76" s="93"/>
      <c r="M76" s="93"/>
      <c r="N76" s="93"/>
      <c r="O76" s="93"/>
      <c r="P76" s="93"/>
      <c r="Q76" s="93"/>
      <c r="R76" s="93"/>
      <c r="S76" s="93"/>
      <c r="T76" s="93"/>
      <c r="U76" s="93"/>
      <c r="V76" s="93"/>
      <c r="W76" s="93"/>
      <c r="X76" s="93"/>
      <c r="Y76" s="93"/>
      <c r="Z76" s="93"/>
      <c r="AA76" s="93"/>
      <c r="AB76" s="93"/>
      <c r="AC76" s="94"/>
      <c r="AD76" s="1"/>
      <c r="AE76" s="1"/>
    </row>
    <row r="77" spans="2:31" ht="16.5" customHeight="1" x14ac:dyDescent="0.2">
      <c r="E77" s="70"/>
      <c r="F77" s="12"/>
      <c r="G77" s="12"/>
      <c r="H77" s="7"/>
      <c r="I77" s="7"/>
      <c r="J77" s="7"/>
      <c r="K77" s="7"/>
      <c r="L77" s="7"/>
      <c r="M77" s="7"/>
      <c r="N77" s="7"/>
      <c r="O77" s="7"/>
      <c r="P77" s="7"/>
      <c r="Q77" s="7"/>
      <c r="R77" s="7"/>
      <c r="S77" s="7"/>
      <c r="T77" s="7"/>
      <c r="U77" s="7"/>
      <c r="V77" s="7"/>
      <c r="W77" s="7"/>
      <c r="X77" s="7"/>
      <c r="Y77" s="1"/>
      <c r="Z77" s="7"/>
      <c r="AA77" s="7"/>
      <c r="AD77" s="1"/>
      <c r="AE77" s="1"/>
    </row>
    <row r="78" spans="2:31" ht="13.2" x14ac:dyDescent="0.2">
      <c r="D78" s="5" t="s">
        <v>52</v>
      </c>
      <c r="E78" s="5" t="s">
        <v>133</v>
      </c>
      <c r="F78" s="7"/>
      <c r="G78" s="7"/>
      <c r="H78" s="7"/>
      <c r="I78" s="7"/>
      <c r="J78" s="7"/>
      <c r="K78" s="7"/>
      <c r="L78" s="7"/>
      <c r="M78" s="7"/>
      <c r="N78" s="7"/>
      <c r="O78" s="7"/>
      <c r="P78" s="7"/>
      <c r="Q78" s="7"/>
      <c r="R78" s="7"/>
      <c r="S78" s="7"/>
      <c r="T78" s="7"/>
      <c r="U78" s="7"/>
      <c r="V78" s="7"/>
      <c r="W78" s="7"/>
      <c r="X78" s="7"/>
      <c r="Y78" s="7"/>
      <c r="Z78" s="7"/>
      <c r="AD78" s="13"/>
      <c r="AE78" s="1"/>
    </row>
    <row r="79" spans="2:31" ht="7.5" customHeight="1" x14ac:dyDescent="0.2">
      <c r="B79" s="5"/>
      <c r="AD79" s="1"/>
      <c r="AE79" s="1"/>
    </row>
    <row r="80" spans="2:31" s="4" customFormat="1" ht="16.5" customHeight="1" x14ac:dyDescent="0.2">
      <c r="B80" s="28"/>
      <c r="C80" s="5"/>
      <c r="D80" s="5">
        <v>1</v>
      </c>
      <c r="E80" s="5" t="s">
        <v>134</v>
      </c>
      <c r="F80" s="5"/>
      <c r="G80" s="5"/>
      <c r="H80" s="5"/>
      <c r="I80" s="5"/>
      <c r="J80" s="5"/>
      <c r="K80" s="5"/>
      <c r="L80" s="5"/>
      <c r="M80" s="5"/>
      <c r="N80" s="5"/>
      <c r="O80" s="5"/>
      <c r="P80" s="5"/>
      <c r="Q80" s="5"/>
      <c r="R80" s="5"/>
      <c r="S80" s="5"/>
      <c r="T80" s="5"/>
      <c r="U80" s="5"/>
      <c r="V80" s="5"/>
      <c r="W80" s="51" t="s">
        <v>136</v>
      </c>
      <c r="X80" s="130">
        <v>45849</v>
      </c>
      <c r="Y80" s="108"/>
      <c r="Z80" s="108"/>
      <c r="AA80" s="108"/>
      <c r="AB80" s="108"/>
      <c r="AC80" s="109"/>
    </row>
    <row r="81" spans="2:35" ht="7.5" customHeight="1" x14ac:dyDescent="0.2">
      <c r="B81" s="5"/>
      <c r="Z81" s="34"/>
      <c r="AD81" s="1"/>
      <c r="AE81" s="1"/>
    </row>
    <row r="82" spans="2:35" s="4" customFormat="1" ht="16.5" customHeight="1" x14ac:dyDescent="0.2">
      <c r="B82" s="28"/>
      <c r="C82" s="5"/>
      <c r="D82" s="5">
        <v>2</v>
      </c>
      <c r="E82" s="5" t="s">
        <v>135</v>
      </c>
      <c r="F82" s="5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1" t="s">
        <v>136</v>
      </c>
      <c r="X82" s="130">
        <v>45940</v>
      </c>
      <c r="Y82" s="108"/>
      <c r="Z82" s="108"/>
      <c r="AA82" s="108"/>
      <c r="AB82" s="108"/>
      <c r="AC82" s="109"/>
    </row>
    <row r="83" spans="2:35" ht="7.5" customHeight="1" x14ac:dyDescent="0.2">
      <c r="B83" s="5"/>
      <c r="AD83" s="1"/>
      <c r="AE83" s="1"/>
    </row>
    <row r="84" spans="2:35" ht="13.2" x14ac:dyDescent="0.2">
      <c r="D84" s="5" t="s">
        <v>52</v>
      </c>
      <c r="E84" s="5" t="s">
        <v>67</v>
      </c>
      <c r="F84" s="7"/>
      <c r="G84" s="7"/>
      <c r="H84" s="7"/>
      <c r="I84" s="7"/>
      <c r="J84" s="7"/>
      <c r="K84" s="7"/>
      <c r="L84" s="7"/>
      <c r="M84" s="7"/>
      <c r="N84" s="7"/>
      <c r="O84" s="7"/>
      <c r="P84" s="7"/>
      <c r="Q84" s="7"/>
      <c r="R84" s="7"/>
      <c r="S84" s="7"/>
      <c r="T84" s="7"/>
      <c r="U84" s="7"/>
      <c r="V84" s="7"/>
      <c r="W84" s="7"/>
      <c r="X84" s="7"/>
      <c r="Y84" s="7"/>
      <c r="Z84" s="7"/>
      <c r="AD84" s="13"/>
      <c r="AE84" s="1"/>
    </row>
    <row r="85" spans="2:35" ht="7.5" customHeight="1" x14ac:dyDescent="0.2">
      <c r="B85" s="5"/>
      <c r="AD85" s="1"/>
      <c r="AE85" s="1"/>
    </row>
    <row r="86" spans="2:35" s="4" customFormat="1" ht="16.5" customHeight="1" x14ac:dyDescent="0.2">
      <c r="B86" s="28"/>
      <c r="C86" s="5"/>
      <c r="D86" s="5">
        <v>1</v>
      </c>
      <c r="E86" s="5" t="s">
        <v>68</v>
      </c>
      <c r="F86" s="5"/>
      <c r="G86" s="5"/>
      <c r="H86" s="5"/>
      <c r="I86" s="5"/>
      <c r="J86" s="5"/>
      <c r="K86" s="5"/>
      <c r="L86" s="5"/>
      <c r="M86" s="5"/>
      <c r="N86" s="5"/>
      <c r="O86" s="5"/>
      <c r="P86" s="5"/>
      <c r="Q86" s="5"/>
      <c r="R86" s="5"/>
      <c r="S86" s="5"/>
      <c r="T86" s="5"/>
      <c r="U86" s="5"/>
      <c r="V86" s="5"/>
      <c r="W86" s="5"/>
      <c r="X86" s="5"/>
      <c r="Y86" s="5"/>
      <c r="Z86" s="51" t="s">
        <v>129</v>
      </c>
      <c r="AA86" s="107" t="s">
        <v>128</v>
      </c>
      <c r="AB86" s="108"/>
      <c r="AC86" s="109"/>
      <c r="AG86" s="4" t="s">
        <v>71</v>
      </c>
      <c r="AH86" s="4" t="s">
        <v>128</v>
      </c>
      <c r="AI86" s="4" t="s">
        <v>73</v>
      </c>
    </row>
    <row r="87" spans="2:35" ht="7.5" customHeight="1" x14ac:dyDescent="0.2">
      <c r="B87" s="5"/>
      <c r="Z87" s="34"/>
      <c r="AD87" s="1"/>
      <c r="AE87" s="1"/>
    </row>
    <row r="88" spans="2:35" s="4" customFormat="1" ht="16.5" customHeight="1" x14ac:dyDescent="0.2">
      <c r="B88" s="28"/>
      <c r="C88" s="5"/>
      <c r="D88" s="5">
        <v>2</v>
      </c>
      <c r="E88" s="5" t="s">
        <v>69</v>
      </c>
      <c r="F88" s="5"/>
      <c r="G88" s="5"/>
      <c r="H88" s="5"/>
      <c r="I88" s="5"/>
      <c r="J88" s="5"/>
      <c r="K88" s="5"/>
      <c r="L88" s="5"/>
      <c r="M88" s="5"/>
      <c r="N88" s="5"/>
      <c r="O88" s="5"/>
      <c r="P88" s="5"/>
      <c r="Q88" s="5"/>
      <c r="R88" s="5"/>
      <c r="S88" s="5"/>
      <c r="T88" s="5"/>
      <c r="U88" s="5"/>
      <c r="V88" s="5"/>
      <c r="W88" s="5"/>
      <c r="X88" s="5"/>
      <c r="Y88" s="5"/>
      <c r="Z88" s="51" t="s">
        <v>129</v>
      </c>
      <c r="AA88" s="107" t="s">
        <v>72</v>
      </c>
      <c r="AB88" s="108"/>
      <c r="AC88" s="109"/>
      <c r="AG88" s="4" t="s">
        <v>71</v>
      </c>
      <c r="AH88" s="4" t="s">
        <v>128</v>
      </c>
      <c r="AI88" s="4" t="s">
        <v>73</v>
      </c>
    </row>
    <row r="89" spans="2:35" ht="7.5" customHeight="1" x14ac:dyDescent="0.2">
      <c r="B89" s="5"/>
      <c r="AD89" s="1"/>
      <c r="AE89" s="1"/>
    </row>
    <row r="90" spans="2:35" s="5" customFormat="1" ht="16.5" customHeight="1" x14ac:dyDescent="0.2">
      <c r="B90" s="28"/>
      <c r="D90" s="5">
        <v>3</v>
      </c>
      <c r="E90" s="5" t="s">
        <v>70</v>
      </c>
      <c r="Z90" s="51" t="s">
        <v>82</v>
      </c>
      <c r="AA90" s="107" t="s">
        <v>19</v>
      </c>
      <c r="AB90" s="108"/>
      <c r="AC90" s="109"/>
      <c r="AG90" s="4" t="s">
        <v>38</v>
      </c>
      <c r="AH90" s="4" t="s">
        <v>19</v>
      </c>
      <c r="AI90" s="4" t="s">
        <v>36</v>
      </c>
    </row>
    <row r="91" spans="2:35" ht="7.5" customHeight="1" x14ac:dyDescent="0.2">
      <c r="B91" s="5"/>
      <c r="AD91" s="1"/>
      <c r="AE91" s="1"/>
    </row>
    <row r="92" spans="2:35" ht="16.5" customHeight="1" x14ac:dyDescent="0.2">
      <c r="D92" s="1"/>
      <c r="E92" s="58" t="s">
        <v>100</v>
      </c>
      <c r="F92" s="12"/>
      <c r="G92" s="1"/>
      <c r="H92" s="7"/>
      <c r="I92" s="7"/>
      <c r="J92" s="7"/>
      <c r="K92" s="7"/>
      <c r="L92" s="7"/>
      <c r="M92" s="7"/>
      <c r="N92" s="7"/>
      <c r="O92" s="7"/>
      <c r="P92" s="7"/>
      <c r="Q92" s="7"/>
      <c r="R92" s="7"/>
      <c r="S92" s="7"/>
      <c r="T92" s="7"/>
      <c r="U92" s="7"/>
      <c r="V92" s="7"/>
      <c r="W92" s="7"/>
      <c r="X92" s="7"/>
      <c r="Y92" s="1"/>
      <c r="Z92" s="7"/>
      <c r="AA92" s="7"/>
      <c r="AD92" s="1"/>
      <c r="AE92" s="1"/>
    </row>
    <row r="93" spans="2:35" ht="16.5" customHeight="1" x14ac:dyDescent="0.2">
      <c r="E93" s="22" t="s">
        <v>101</v>
      </c>
      <c r="F93" s="12"/>
      <c r="G93" s="1"/>
      <c r="H93" s="7"/>
      <c r="I93" s="7"/>
      <c r="J93" s="7"/>
      <c r="K93" s="7"/>
      <c r="L93" s="7"/>
      <c r="M93" s="7"/>
      <c r="N93" s="7"/>
      <c r="O93" s="7"/>
      <c r="P93" s="7"/>
      <c r="Q93" s="7"/>
      <c r="R93" s="7"/>
      <c r="S93" s="7"/>
      <c r="T93" s="7"/>
      <c r="U93" s="7"/>
      <c r="V93" s="7"/>
      <c r="W93" s="7"/>
      <c r="X93" s="7"/>
      <c r="Y93" s="1"/>
      <c r="Z93" s="7"/>
      <c r="AA93" s="7"/>
      <c r="AD93" s="1"/>
      <c r="AE93" s="1"/>
    </row>
    <row r="94" spans="2:35" ht="7.5" customHeight="1" x14ac:dyDescent="0.2">
      <c r="B94" s="5"/>
      <c r="AD94" s="1"/>
      <c r="AE94" s="1"/>
    </row>
    <row r="95" spans="2:35" ht="16.5" customHeight="1" x14ac:dyDescent="0.2">
      <c r="D95" s="5" t="s">
        <v>52</v>
      </c>
      <c r="E95" s="5" t="s">
        <v>94</v>
      </c>
      <c r="P95" s="34"/>
      <c r="AD95" s="1"/>
      <c r="AE95" s="1"/>
    </row>
    <row r="96" spans="2:35" ht="7.5" customHeight="1" x14ac:dyDescent="0.2">
      <c r="B96" s="5"/>
      <c r="D96" s="31"/>
      <c r="E96" s="1"/>
      <c r="AD96" s="1"/>
      <c r="AE96" s="1"/>
    </row>
    <row r="97" spans="2:36" ht="16.5" customHeight="1" x14ac:dyDescent="0.2">
      <c r="D97" s="1"/>
      <c r="E97" s="1"/>
      <c r="G97" s="29" t="s">
        <v>48</v>
      </c>
      <c r="H97" s="98" t="s">
        <v>145</v>
      </c>
      <c r="I97" s="99"/>
      <c r="J97" s="99"/>
      <c r="K97" s="99"/>
      <c r="L97" s="99"/>
      <c r="M97" s="99"/>
      <c r="N97" s="99"/>
      <c r="O97" s="99"/>
      <c r="P97" s="99"/>
      <c r="Q97" s="99"/>
      <c r="R97" s="99"/>
      <c r="S97" s="99"/>
      <c r="T97" s="99"/>
      <c r="U97" s="99"/>
      <c r="V97" s="99"/>
      <c r="W97" s="99"/>
      <c r="X97" s="99"/>
      <c r="Y97" s="99"/>
      <c r="Z97" s="99"/>
      <c r="AA97" s="99"/>
      <c r="AB97" s="99"/>
      <c r="AC97" s="100"/>
      <c r="AD97" s="1"/>
      <c r="AE97" s="1"/>
    </row>
    <row r="98" spans="2:36" ht="7.5" customHeight="1" x14ac:dyDescent="0.2">
      <c r="B98" s="5"/>
      <c r="D98" s="3"/>
      <c r="E98" s="3"/>
      <c r="F98" s="7"/>
      <c r="G98" s="53"/>
      <c r="H98" s="101"/>
      <c r="I98" s="102"/>
      <c r="J98" s="102"/>
      <c r="K98" s="102"/>
      <c r="L98" s="102"/>
      <c r="M98" s="102"/>
      <c r="N98" s="102"/>
      <c r="O98" s="102"/>
      <c r="P98" s="102"/>
      <c r="Q98" s="102"/>
      <c r="R98" s="102"/>
      <c r="S98" s="102"/>
      <c r="T98" s="102"/>
      <c r="U98" s="102"/>
      <c r="V98" s="102"/>
      <c r="W98" s="102"/>
      <c r="X98" s="102"/>
      <c r="Y98" s="102"/>
      <c r="Z98" s="102"/>
      <c r="AA98" s="102"/>
      <c r="AB98" s="102"/>
      <c r="AC98" s="103"/>
      <c r="AD98" s="1"/>
      <c r="AE98" s="1"/>
    </row>
    <row r="99" spans="2:36" ht="16.5" customHeight="1" x14ac:dyDescent="0.2">
      <c r="D99" s="11"/>
      <c r="E99" s="11"/>
      <c r="F99" s="11"/>
      <c r="G99" s="11"/>
      <c r="H99" s="101"/>
      <c r="I99" s="102"/>
      <c r="J99" s="102"/>
      <c r="K99" s="102"/>
      <c r="L99" s="102"/>
      <c r="M99" s="102"/>
      <c r="N99" s="102"/>
      <c r="O99" s="102"/>
      <c r="P99" s="102"/>
      <c r="Q99" s="102"/>
      <c r="R99" s="102"/>
      <c r="S99" s="102"/>
      <c r="T99" s="102"/>
      <c r="U99" s="102"/>
      <c r="V99" s="102"/>
      <c r="W99" s="102"/>
      <c r="X99" s="102"/>
      <c r="Y99" s="102"/>
      <c r="Z99" s="102"/>
      <c r="AA99" s="102"/>
      <c r="AB99" s="102"/>
      <c r="AC99" s="103"/>
      <c r="AD99" s="1"/>
      <c r="AE99" s="1"/>
    </row>
    <row r="100" spans="2:36" ht="7.5" customHeight="1" x14ac:dyDescent="0.2">
      <c r="B100" s="5"/>
      <c r="C100" s="7"/>
      <c r="D100" s="11"/>
      <c r="E100" s="11"/>
      <c r="F100" s="11"/>
      <c r="G100" s="11"/>
      <c r="H100" s="104"/>
      <c r="I100" s="105"/>
      <c r="J100" s="105"/>
      <c r="K100" s="105"/>
      <c r="L100" s="105"/>
      <c r="M100" s="105"/>
      <c r="N100" s="105"/>
      <c r="O100" s="105"/>
      <c r="P100" s="105"/>
      <c r="Q100" s="105"/>
      <c r="R100" s="105"/>
      <c r="S100" s="105"/>
      <c r="T100" s="105"/>
      <c r="U100" s="105"/>
      <c r="V100" s="105"/>
      <c r="W100" s="105"/>
      <c r="X100" s="105"/>
      <c r="Y100" s="105"/>
      <c r="Z100" s="105"/>
      <c r="AA100" s="105"/>
      <c r="AB100" s="105"/>
      <c r="AC100" s="106"/>
      <c r="AD100" s="1"/>
      <c r="AE100" s="1"/>
    </row>
    <row r="101" spans="2:36" s="5" customFormat="1" ht="16.5" customHeight="1" x14ac:dyDescent="0.2">
      <c r="B101" s="28"/>
    </row>
    <row r="102" spans="2:36" ht="7.5" customHeight="1" x14ac:dyDescent="0.2">
      <c r="B102" s="5"/>
      <c r="D102" s="31"/>
      <c r="E102" s="1"/>
      <c r="AD102" s="1"/>
      <c r="AE102" s="1"/>
    </row>
    <row r="103" spans="2:36" ht="16.5" customHeight="1" x14ac:dyDescent="0.2">
      <c r="B103" s="5"/>
      <c r="D103" s="85" t="s">
        <v>84</v>
      </c>
      <c r="E103" s="95"/>
      <c r="F103" s="123" t="s">
        <v>77</v>
      </c>
      <c r="G103" s="123"/>
      <c r="H103" s="123"/>
      <c r="I103" s="123"/>
      <c r="J103" s="123"/>
      <c r="K103" s="123"/>
      <c r="L103" s="123"/>
      <c r="M103" s="123"/>
      <c r="N103" s="123"/>
      <c r="O103" s="123"/>
      <c r="P103" s="123"/>
      <c r="Q103" s="123"/>
      <c r="R103" s="123"/>
      <c r="S103" s="123"/>
      <c r="T103" s="123"/>
      <c r="U103" s="123"/>
      <c r="V103" s="123"/>
      <c r="W103" s="123"/>
      <c r="X103" s="123"/>
      <c r="Y103" s="123"/>
      <c r="Z103" s="123"/>
      <c r="AA103" s="123"/>
      <c r="AB103" s="123"/>
      <c r="AC103" s="123"/>
      <c r="AD103" s="1"/>
      <c r="AE103" s="1"/>
    </row>
    <row r="104" spans="2:36" ht="16.5" customHeight="1" x14ac:dyDescent="0.2">
      <c r="B104" s="5"/>
      <c r="D104" s="87"/>
      <c r="E104" s="96"/>
      <c r="F104" s="123"/>
      <c r="G104" s="123"/>
      <c r="H104" s="123"/>
      <c r="I104" s="123"/>
      <c r="J104" s="123"/>
      <c r="K104" s="123"/>
      <c r="L104" s="123"/>
      <c r="M104" s="123"/>
      <c r="N104" s="123"/>
      <c r="O104" s="123"/>
      <c r="P104" s="123"/>
      <c r="Q104" s="123"/>
      <c r="R104" s="123"/>
      <c r="S104" s="123"/>
      <c r="T104" s="123"/>
      <c r="U104" s="123"/>
      <c r="V104" s="123"/>
      <c r="W104" s="123"/>
      <c r="X104" s="123"/>
      <c r="Y104" s="123"/>
      <c r="Z104" s="123"/>
      <c r="AA104" s="123"/>
      <c r="AB104" s="123"/>
      <c r="AC104" s="123"/>
      <c r="AD104" s="1"/>
      <c r="AE104" s="1"/>
    </row>
    <row r="105" spans="2:36" ht="13.2" x14ac:dyDescent="0.2">
      <c r="D105" s="15"/>
      <c r="E105" s="7"/>
      <c r="F105" s="7"/>
      <c r="G105" s="7"/>
      <c r="H105" s="7"/>
      <c r="I105" s="7"/>
      <c r="J105" s="7"/>
      <c r="K105" s="7"/>
      <c r="L105" s="7"/>
      <c r="M105" s="7"/>
      <c r="N105" s="7"/>
      <c r="O105" s="7"/>
      <c r="P105" s="7"/>
      <c r="Q105" s="7"/>
      <c r="R105" s="7"/>
      <c r="S105" s="7"/>
      <c r="T105" s="7"/>
      <c r="U105" s="7"/>
      <c r="V105" s="7"/>
      <c r="W105" s="7"/>
      <c r="X105" s="7"/>
      <c r="Y105" s="7"/>
      <c r="Z105" s="7"/>
      <c r="AD105" s="13"/>
      <c r="AE105" s="1"/>
    </row>
    <row r="106" spans="2:36" ht="16.5" customHeight="1" x14ac:dyDescent="0.2">
      <c r="D106" s="5" t="s">
        <v>51</v>
      </c>
      <c r="E106" s="5" t="s">
        <v>50</v>
      </c>
      <c r="P106" s="29"/>
      <c r="U106" s="1"/>
      <c r="V106" s="1"/>
      <c r="W106" s="1"/>
      <c r="X106" s="51" t="s">
        <v>89</v>
      </c>
      <c r="Y106" s="107">
        <v>300</v>
      </c>
      <c r="Z106" s="108"/>
      <c r="AA106" s="108"/>
      <c r="AB106" s="109"/>
      <c r="AC106" s="5" t="s">
        <v>47</v>
      </c>
      <c r="AD106" s="4"/>
      <c r="AE106" s="4"/>
      <c r="AF106" s="4"/>
      <c r="AG106" s="4"/>
      <c r="AH106" s="4"/>
      <c r="AI106" s="4"/>
      <c r="AJ106" s="4"/>
    </row>
    <row r="107" spans="2:36" ht="7.5" customHeight="1" x14ac:dyDescent="0.2">
      <c r="B107" s="5"/>
      <c r="U107" s="1"/>
      <c r="W107" s="1"/>
      <c r="X107" s="34"/>
      <c r="AD107" s="1"/>
      <c r="AE107" s="1"/>
    </row>
    <row r="108" spans="2:36" s="4" customFormat="1" ht="16.5" customHeight="1" x14ac:dyDescent="0.2">
      <c r="B108" s="28"/>
      <c r="C108" s="5"/>
      <c r="D108" s="5" t="s">
        <v>51</v>
      </c>
      <c r="E108" s="5" t="s">
        <v>57</v>
      </c>
      <c r="F108" s="5"/>
      <c r="G108" s="5"/>
      <c r="H108" s="5"/>
      <c r="I108" s="5"/>
      <c r="J108" s="5"/>
      <c r="K108" s="5"/>
      <c r="L108" s="5"/>
      <c r="M108" s="5"/>
      <c r="N108" s="5"/>
      <c r="O108" s="5"/>
      <c r="P108" s="5"/>
      <c r="Q108" s="5"/>
      <c r="R108" s="5"/>
      <c r="S108" s="5"/>
      <c r="T108" s="5"/>
      <c r="V108" s="51" t="s">
        <v>48</v>
      </c>
      <c r="W108" s="112" t="s">
        <v>107</v>
      </c>
      <c r="X108" s="112"/>
      <c r="Y108" s="112"/>
      <c r="Z108" s="112"/>
      <c r="AA108" s="112"/>
      <c r="AB108" s="112"/>
      <c r="AC108" s="112"/>
    </row>
    <row r="109" spans="2:36" ht="7.5" customHeight="1" x14ac:dyDescent="0.2">
      <c r="B109" s="5"/>
      <c r="U109" s="1"/>
      <c r="W109" s="1"/>
      <c r="X109" s="34"/>
      <c r="AD109" s="1"/>
      <c r="AE109" s="1"/>
    </row>
    <row r="110" spans="2:36" s="4" customFormat="1" ht="16.5" customHeight="1" x14ac:dyDescent="0.2">
      <c r="B110" s="28"/>
      <c r="C110" s="5"/>
      <c r="D110" s="5" t="s">
        <v>51</v>
      </c>
      <c r="E110" s="5" t="s">
        <v>85</v>
      </c>
      <c r="F110" s="5"/>
      <c r="G110" s="5"/>
      <c r="H110" s="5"/>
      <c r="I110" s="5"/>
      <c r="J110" s="5"/>
      <c r="K110" s="5"/>
      <c r="L110" s="5"/>
      <c r="M110" s="5"/>
      <c r="N110" s="5"/>
      <c r="O110" s="5"/>
      <c r="P110" s="5"/>
      <c r="Q110" s="5"/>
      <c r="R110" s="5"/>
      <c r="S110" s="5"/>
      <c r="T110" s="55"/>
      <c r="U110" s="56"/>
      <c r="V110" s="57"/>
      <c r="W110" s="57"/>
      <c r="X110" s="51" t="s">
        <v>89</v>
      </c>
      <c r="Y110" s="107">
        <v>60</v>
      </c>
      <c r="Z110" s="108"/>
      <c r="AA110" s="108"/>
      <c r="AB110" s="109"/>
      <c r="AC110" s="52" t="s">
        <v>86</v>
      </c>
    </row>
    <row r="111" spans="2:36" ht="7.5" customHeight="1" x14ac:dyDescent="0.2">
      <c r="B111" s="5"/>
      <c r="U111" s="1"/>
      <c r="W111" s="34"/>
      <c r="AD111" s="1"/>
      <c r="AE111" s="1"/>
    </row>
    <row r="112" spans="2:36" ht="16.5" customHeight="1" x14ac:dyDescent="0.2">
      <c r="D112" s="5" t="s">
        <v>51</v>
      </c>
      <c r="E112" s="5" t="s">
        <v>132</v>
      </c>
      <c r="U112" s="1"/>
      <c r="Y112" s="1"/>
      <c r="Z112" s="51"/>
      <c r="AA112" s="1"/>
      <c r="AB112" s="1"/>
      <c r="AC112" s="1"/>
      <c r="AE112" s="1"/>
    </row>
    <row r="113" spans="2:38" ht="7.5" customHeight="1" x14ac:dyDescent="0.2">
      <c r="B113" s="5"/>
      <c r="U113" s="1"/>
      <c r="AD113" s="1"/>
      <c r="AE113" s="1"/>
    </row>
    <row r="114" spans="2:38" ht="16.5" customHeight="1" x14ac:dyDescent="0.2">
      <c r="U114" s="1"/>
      <c r="Y114" s="1"/>
      <c r="Z114" s="51" t="s">
        <v>95</v>
      </c>
      <c r="AA114" s="107" t="s">
        <v>96</v>
      </c>
      <c r="AB114" s="108"/>
      <c r="AC114" s="109"/>
      <c r="AE114" s="1"/>
      <c r="AG114" s="1" t="s">
        <v>97</v>
      </c>
      <c r="AH114" s="1" t="s">
        <v>98</v>
      </c>
    </row>
    <row r="115" spans="2:38" ht="7.5" customHeight="1" x14ac:dyDescent="0.2">
      <c r="B115" s="5"/>
      <c r="U115" s="1"/>
      <c r="AD115" s="1"/>
      <c r="AE115" s="1"/>
    </row>
    <row r="116" spans="2:38" ht="16.5" customHeight="1" x14ac:dyDescent="0.2">
      <c r="D116" s="5" t="s">
        <v>51</v>
      </c>
      <c r="E116" s="5" t="s">
        <v>99</v>
      </c>
      <c r="S116" s="1"/>
      <c r="T116" s="1"/>
      <c r="U116" s="1"/>
      <c r="V116" s="1"/>
      <c r="W116" s="1"/>
      <c r="X116" s="1"/>
      <c r="Y116" s="1"/>
      <c r="Z116" s="1"/>
      <c r="AA116" s="1"/>
      <c r="AB116" s="1"/>
      <c r="AC116" s="1"/>
      <c r="AE116" s="1"/>
    </row>
    <row r="117" spans="2:38" ht="7.5" customHeight="1" x14ac:dyDescent="0.2">
      <c r="B117" s="5"/>
      <c r="U117" s="1"/>
      <c r="AD117" s="1"/>
      <c r="AE117" s="1"/>
    </row>
    <row r="118" spans="2:38" ht="16.5" customHeight="1" x14ac:dyDescent="0.2">
      <c r="U118" s="1"/>
      <c r="Y118" s="1"/>
      <c r="Z118" s="51" t="s">
        <v>58</v>
      </c>
      <c r="AA118" s="107" t="s">
        <v>79</v>
      </c>
      <c r="AB118" s="108"/>
      <c r="AC118" s="109"/>
      <c r="AE118" s="1"/>
      <c r="AG118" s="1" t="s">
        <v>78</v>
      </c>
      <c r="AH118" s="1" t="s">
        <v>80</v>
      </c>
      <c r="AI118" s="1" t="s">
        <v>81</v>
      </c>
    </row>
    <row r="119" spans="2:38" ht="7.5" customHeight="1" x14ac:dyDescent="0.2">
      <c r="B119" s="5"/>
      <c r="U119" s="1"/>
      <c r="AD119" s="1"/>
      <c r="AE119" s="1"/>
    </row>
    <row r="120" spans="2:38" s="4" customFormat="1" ht="16.5" hidden="1" customHeight="1" x14ac:dyDescent="0.2">
      <c r="B120" s="68" t="s">
        <v>109</v>
      </c>
      <c r="C120" s="64"/>
      <c r="D120" s="64" t="s">
        <v>51</v>
      </c>
      <c r="E120" s="64" t="s">
        <v>59</v>
      </c>
      <c r="F120" s="64"/>
      <c r="G120" s="64"/>
      <c r="H120" s="64"/>
      <c r="I120" s="64"/>
      <c r="J120" s="64"/>
      <c r="K120" s="64"/>
      <c r="L120" s="64"/>
      <c r="M120" s="64"/>
      <c r="N120" s="64"/>
      <c r="O120" s="64"/>
      <c r="P120" s="64"/>
      <c r="Q120" s="64"/>
      <c r="R120" s="64"/>
      <c r="S120" s="64"/>
      <c r="T120" s="64"/>
      <c r="U120" s="65"/>
      <c r="V120" s="64"/>
      <c r="W120" s="66"/>
      <c r="X120" s="64"/>
      <c r="Y120" s="65"/>
      <c r="Z120" s="67" t="s">
        <v>88</v>
      </c>
      <c r="AA120" s="113"/>
      <c r="AB120" s="114"/>
      <c r="AC120" s="115"/>
      <c r="AD120" s="65"/>
      <c r="AE120" s="65"/>
      <c r="AF120" s="65"/>
      <c r="AG120" s="65" t="s">
        <v>87</v>
      </c>
      <c r="AH120" s="65" t="s">
        <v>83</v>
      </c>
      <c r="AI120" s="65"/>
      <c r="AJ120" s="64"/>
      <c r="AK120" s="65"/>
      <c r="AL120" s="65"/>
    </row>
    <row r="121" spans="2:38" ht="16.5" hidden="1" customHeight="1" x14ac:dyDescent="0.2">
      <c r="E121" s="12"/>
      <c r="F121" s="12"/>
      <c r="G121" s="12"/>
      <c r="H121" s="7"/>
      <c r="I121" s="7"/>
      <c r="J121" s="7"/>
      <c r="K121" s="7"/>
      <c r="L121" s="7"/>
      <c r="M121" s="7"/>
      <c r="N121" s="7"/>
      <c r="O121" s="7"/>
      <c r="P121" s="7"/>
      <c r="Q121" s="7"/>
      <c r="R121" s="7"/>
      <c r="S121" s="7"/>
      <c r="T121" s="7"/>
      <c r="U121" s="7"/>
      <c r="V121" s="7"/>
      <c r="W121" s="7"/>
      <c r="X121" s="7"/>
      <c r="Y121" s="1"/>
      <c r="Z121" s="7"/>
      <c r="AA121" s="7"/>
      <c r="AD121" s="1"/>
      <c r="AE121" s="1"/>
      <c r="AK121" s="3"/>
    </row>
    <row r="122" spans="2:38" ht="7.5" customHeight="1" x14ac:dyDescent="0.2">
      <c r="B122" s="5"/>
      <c r="U122" s="1"/>
      <c r="Y122" s="1"/>
      <c r="Z122" s="34"/>
      <c r="AD122" s="5"/>
      <c r="AE122" s="1"/>
    </row>
    <row r="123" spans="2:38" ht="16.5" customHeight="1" x14ac:dyDescent="0.2">
      <c r="B123" s="5"/>
      <c r="D123" s="85" t="s">
        <v>121</v>
      </c>
      <c r="E123" s="86"/>
      <c r="F123" s="97" t="s">
        <v>90</v>
      </c>
      <c r="G123" s="90"/>
      <c r="H123" s="90"/>
      <c r="I123" s="90"/>
      <c r="J123" s="90"/>
      <c r="K123" s="90"/>
      <c r="L123" s="90"/>
      <c r="M123" s="90"/>
      <c r="N123" s="90"/>
      <c r="O123" s="90"/>
      <c r="P123" s="90"/>
      <c r="Q123" s="90"/>
      <c r="R123" s="90"/>
      <c r="S123" s="90"/>
      <c r="T123" s="90"/>
      <c r="U123" s="90"/>
      <c r="V123" s="90"/>
      <c r="W123" s="90"/>
      <c r="X123" s="90"/>
      <c r="Y123" s="90"/>
      <c r="Z123" s="90"/>
      <c r="AA123" s="90"/>
      <c r="AB123" s="90"/>
      <c r="AC123" s="91"/>
      <c r="AD123" s="1"/>
      <c r="AE123" s="1"/>
    </row>
    <row r="124" spans="2:38" ht="16.5" customHeight="1" x14ac:dyDescent="0.2">
      <c r="B124" s="5"/>
      <c r="D124" s="87"/>
      <c r="E124" s="88"/>
      <c r="F124" s="92"/>
      <c r="G124" s="93"/>
      <c r="H124" s="93"/>
      <c r="I124" s="93"/>
      <c r="J124" s="93"/>
      <c r="K124" s="93"/>
      <c r="L124" s="93"/>
      <c r="M124" s="93"/>
      <c r="N124" s="93"/>
      <c r="O124" s="93"/>
      <c r="P124" s="93"/>
      <c r="Q124" s="93"/>
      <c r="R124" s="93"/>
      <c r="S124" s="93"/>
      <c r="T124" s="93"/>
      <c r="U124" s="93"/>
      <c r="V124" s="93"/>
      <c r="W124" s="93"/>
      <c r="X124" s="93"/>
      <c r="Y124" s="93"/>
      <c r="Z124" s="93"/>
      <c r="AA124" s="93"/>
      <c r="AB124" s="93"/>
      <c r="AC124" s="94"/>
      <c r="AD124" s="1"/>
      <c r="AE124" s="1"/>
    </row>
    <row r="125" spans="2:38" ht="13.2" x14ac:dyDescent="0.2">
      <c r="D125" s="15"/>
      <c r="E125" s="7"/>
      <c r="F125" s="7"/>
      <c r="G125" s="7"/>
      <c r="H125" s="7"/>
      <c r="I125" s="7"/>
      <c r="J125" s="7"/>
      <c r="K125" s="7"/>
      <c r="L125" s="7"/>
      <c r="M125" s="7"/>
      <c r="N125" s="7"/>
      <c r="O125" s="7"/>
      <c r="P125" s="7"/>
      <c r="Q125" s="7"/>
      <c r="R125" s="7"/>
      <c r="S125" s="7"/>
      <c r="T125" s="7"/>
      <c r="U125" s="7"/>
      <c r="V125" s="7"/>
      <c r="W125" s="7"/>
      <c r="X125" s="7"/>
      <c r="Y125" s="7"/>
      <c r="Z125" s="7"/>
      <c r="AD125" s="13"/>
      <c r="AE125" s="1"/>
    </row>
    <row r="126" spans="2:38" s="5" customFormat="1" ht="16.5" customHeight="1" x14ac:dyDescent="0.2">
      <c r="D126" s="1"/>
      <c r="E126" s="1"/>
      <c r="G126" s="29" t="s">
        <v>48</v>
      </c>
      <c r="H126" s="98" t="s">
        <v>144</v>
      </c>
      <c r="I126" s="99"/>
      <c r="J126" s="99"/>
      <c r="K126" s="99"/>
      <c r="L126" s="99"/>
      <c r="M126" s="99"/>
      <c r="N126" s="99"/>
      <c r="O126" s="99"/>
      <c r="P126" s="99"/>
      <c r="Q126" s="99"/>
      <c r="R126" s="99"/>
      <c r="S126" s="99"/>
      <c r="T126" s="99"/>
      <c r="U126" s="99"/>
      <c r="V126" s="99"/>
      <c r="W126" s="99"/>
      <c r="X126" s="99"/>
      <c r="Y126" s="99"/>
      <c r="Z126" s="99"/>
      <c r="AA126" s="99"/>
      <c r="AB126" s="99"/>
      <c r="AC126" s="100"/>
    </row>
    <row r="127" spans="2:38" s="5" customFormat="1" ht="16.5" customHeight="1" x14ac:dyDescent="0.2">
      <c r="D127" s="3"/>
      <c r="E127" s="3"/>
      <c r="F127" s="7"/>
      <c r="G127" s="53"/>
      <c r="H127" s="101"/>
      <c r="I127" s="102"/>
      <c r="J127" s="102"/>
      <c r="K127" s="102"/>
      <c r="L127" s="102"/>
      <c r="M127" s="102"/>
      <c r="N127" s="102"/>
      <c r="O127" s="102"/>
      <c r="P127" s="102"/>
      <c r="Q127" s="102"/>
      <c r="R127" s="102"/>
      <c r="S127" s="102"/>
      <c r="T127" s="102"/>
      <c r="U127" s="102"/>
      <c r="V127" s="102"/>
      <c r="W127" s="102"/>
      <c r="X127" s="102"/>
      <c r="Y127" s="102"/>
      <c r="Z127" s="102"/>
      <c r="AA127" s="102"/>
      <c r="AB127" s="102"/>
      <c r="AC127" s="103"/>
    </row>
    <row r="128" spans="2:38" s="5" customFormat="1" ht="16.5" customHeight="1" x14ac:dyDescent="0.2">
      <c r="D128" s="11"/>
      <c r="E128" s="11"/>
      <c r="F128" s="11"/>
      <c r="G128" s="11"/>
      <c r="H128" s="101"/>
      <c r="I128" s="102"/>
      <c r="J128" s="102"/>
      <c r="K128" s="102"/>
      <c r="L128" s="102"/>
      <c r="M128" s="102"/>
      <c r="N128" s="102"/>
      <c r="O128" s="102"/>
      <c r="P128" s="102"/>
      <c r="Q128" s="102"/>
      <c r="R128" s="102"/>
      <c r="S128" s="102"/>
      <c r="T128" s="102"/>
      <c r="U128" s="102"/>
      <c r="V128" s="102"/>
      <c r="W128" s="102"/>
      <c r="X128" s="102"/>
      <c r="Y128" s="102"/>
      <c r="Z128" s="102"/>
      <c r="AA128" s="102"/>
      <c r="AB128" s="102"/>
      <c r="AC128" s="103"/>
    </row>
    <row r="129" spans="2:37" s="5" customFormat="1" ht="16.5" customHeight="1" x14ac:dyDescent="0.2">
      <c r="D129" s="11"/>
      <c r="E129" s="11"/>
      <c r="F129" s="11"/>
      <c r="G129" s="11"/>
      <c r="H129" s="101"/>
      <c r="I129" s="102"/>
      <c r="J129" s="102"/>
      <c r="K129" s="102"/>
      <c r="L129" s="102"/>
      <c r="M129" s="102"/>
      <c r="N129" s="102"/>
      <c r="O129" s="102"/>
      <c r="P129" s="102"/>
      <c r="Q129" s="102"/>
      <c r="R129" s="102"/>
      <c r="S129" s="102"/>
      <c r="T129" s="102"/>
      <c r="U129" s="102"/>
      <c r="V129" s="102"/>
      <c r="W129" s="102"/>
      <c r="X129" s="102"/>
      <c r="Y129" s="102"/>
      <c r="Z129" s="102"/>
      <c r="AA129" s="102"/>
      <c r="AB129" s="102"/>
      <c r="AC129" s="103"/>
    </row>
    <row r="130" spans="2:37" s="5" customFormat="1" ht="16.5" customHeight="1" x14ac:dyDescent="0.2">
      <c r="D130" s="11"/>
      <c r="E130" s="11"/>
      <c r="F130" s="11"/>
      <c r="G130" s="11"/>
      <c r="H130" s="104"/>
      <c r="I130" s="105"/>
      <c r="J130" s="105"/>
      <c r="K130" s="105"/>
      <c r="L130" s="105"/>
      <c r="M130" s="105"/>
      <c r="N130" s="105"/>
      <c r="O130" s="105"/>
      <c r="P130" s="105"/>
      <c r="Q130" s="105"/>
      <c r="R130" s="105"/>
      <c r="S130" s="105"/>
      <c r="T130" s="105"/>
      <c r="U130" s="105"/>
      <c r="V130" s="105"/>
      <c r="W130" s="105"/>
      <c r="X130" s="105"/>
      <c r="Y130" s="105"/>
      <c r="Z130" s="105"/>
      <c r="AA130" s="105"/>
      <c r="AB130" s="105"/>
      <c r="AC130" s="106"/>
      <c r="AE130" s="4"/>
      <c r="AF130" s="4"/>
      <c r="AG130" s="4"/>
    </row>
    <row r="131" spans="2:37" ht="16.5" customHeight="1" x14ac:dyDescent="0.2">
      <c r="E131" s="12"/>
      <c r="F131" s="12"/>
      <c r="G131" s="12"/>
      <c r="H131" s="7"/>
      <c r="I131" s="7"/>
      <c r="J131" s="7"/>
      <c r="K131" s="7"/>
      <c r="L131" s="7"/>
      <c r="M131" s="7"/>
      <c r="N131" s="7"/>
      <c r="O131" s="7"/>
      <c r="P131" s="7"/>
      <c r="Q131" s="7"/>
      <c r="R131" s="7"/>
      <c r="S131" s="7"/>
      <c r="T131" s="7"/>
      <c r="U131" s="7"/>
      <c r="V131" s="7"/>
      <c r="W131" s="7"/>
      <c r="X131" s="7"/>
      <c r="Y131" s="1"/>
      <c r="Z131" s="7"/>
      <c r="AA131" s="7"/>
      <c r="AD131" s="1"/>
      <c r="AE131" s="1"/>
      <c r="AK131" s="3"/>
    </row>
    <row r="132" spans="2:37" ht="7.5" customHeight="1" x14ac:dyDescent="0.2">
      <c r="B132" s="5"/>
      <c r="U132" s="1"/>
      <c r="Y132" s="1"/>
      <c r="Z132" s="34"/>
      <c r="AD132" s="5"/>
      <c r="AE132" s="1"/>
    </row>
    <row r="133" spans="2:37" ht="16.5" customHeight="1" x14ac:dyDescent="0.2">
      <c r="B133" s="5"/>
      <c r="D133" s="85" t="s">
        <v>137</v>
      </c>
      <c r="E133" s="86"/>
      <c r="F133" s="89" t="s">
        <v>138</v>
      </c>
      <c r="G133" s="90"/>
      <c r="H133" s="90"/>
      <c r="I133" s="90"/>
      <c r="J133" s="90"/>
      <c r="K133" s="90"/>
      <c r="L133" s="90"/>
      <c r="M133" s="90"/>
      <c r="N133" s="90"/>
      <c r="O133" s="90"/>
      <c r="P133" s="90"/>
      <c r="Q133" s="90"/>
      <c r="R133" s="90"/>
      <c r="S133" s="90"/>
      <c r="T133" s="90"/>
      <c r="U133" s="90"/>
      <c r="V133" s="90"/>
      <c r="W133" s="90"/>
      <c r="X133" s="90"/>
      <c r="Y133" s="90"/>
      <c r="Z133" s="90"/>
      <c r="AA133" s="90"/>
      <c r="AB133" s="90"/>
      <c r="AC133" s="91"/>
      <c r="AD133" s="1"/>
      <c r="AE133" s="1"/>
    </row>
    <row r="134" spans="2:37" ht="16.5" customHeight="1" x14ac:dyDescent="0.2">
      <c r="B134" s="5"/>
      <c r="D134" s="87"/>
      <c r="E134" s="88"/>
      <c r="F134" s="92"/>
      <c r="G134" s="93"/>
      <c r="H134" s="93"/>
      <c r="I134" s="93"/>
      <c r="J134" s="93"/>
      <c r="K134" s="93"/>
      <c r="L134" s="93"/>
      <c r="M134" s="93"/>
      <c r="N134" s="93"/>
      <c r="O134" s="93"/>
      <c r="P134" s="93"/>
      <c r="Q134" s="93"/>
      <c r="R134" s="93"/>
      <c r="S134" s="93"/>
      <c r="T134" s="93"/>
      <c r="U134" s="93"/>
      <c r="V134" s="93"/>
      <c r="W134" s="93"/>
      <c r="X134" s="93"/>
      <c r="Y134" s="93"/>
      <c r="Z134" s="93"/>
      <c r="AA134" s="93"/>
      <c r="AB134" s="93"/>
      <c r="AC134" s="94"/>
      <c r="AD134" s="1"/>
      <c r="AE134" s="1"/>
    </row>
    <row r="135" spans="2:37" s="5" customFormat="1" ht="13.2" x14ac:dyDescent="0.2">
      <c r="E135" s="11"/>
      <c r="F135" s="11"/>
      <c r="G135" s="11"/>
      <c r="H135" s="11"/>
      <c r="I135" s="11"/>
      <c r="J135" s="11"/>
      <c r="K135" s="11"/>
      <c r="L135" s="11"/>
      <c r="M135" s="11"/>
      <c r="N135" s="11"/>
      <c r="O135" s="11"/>
      <c r="P135" s="11"/>
      <c r="Q135" s="11"/>
      <c r="R135" s="11"/>
      <c r="S135" s="7"/>
      <c r="T135" s="7"/>
      <c r="U135" s="7"/>
      <c r="V135" s="7"/>
      <c r="W135" s="7"/>
      <c r="X135" s="7"/>
      <c r="Y135" s="7"/>
      <c r="Z135" s="7"/>
      <c r="AE135" s="4"/>
    </row>
    <row r="136" spans="2:37" s="5" customFormat="1" ht="16.5" customHeight="1" x14ac:dyDescent="0.2">
      <c r="D136" s="16"/>
      <c r="E136" s="17"/>
      <c r="F136" s="17"/>
      <c r="G136" s="17"/>
      <c r="H136" s="11"/>
      <c r="I136" s="11"/>
      <c r="J136" s="11"/>
      <c r="K136" s="11"/>
      <c r="L136" s="17"/>
      <c r="M136" s="17"/>
      <c r="N136" s="17"/>
      <c r="O136" s="17"/>
      <c r="P136" s="17"/>
      <c r="Q136" s="17"/>
      <c r="R136" s="17"/>
      <c r="S136" s="13"/>
      <c r="U136" s="13"/>
      <c r="V136" s="14"/>
      <c r="W136" s="21"/>
      <c r="X136" s="21"/>
      <c r="Y136" s="21"/>
      <c r="Z136" s="21"/>
      <c r="AA136" s="21"/>
      <c r="AB136" s="21"/>
      <c r="AC136" s="54" t="s">
        <v>74</v>
      </c>
      <c r="AE136" s="4"/>
    </row>
    <row r="137" spans="2:37" ht="7.5" customHeight="1" x14ac:dyDescent="0.2">
      <c r="B137" s="5"/>
      <c r="D137" s="11"/>
      <c r="E137" s="19"/>
      <c r="F137" s="17"/>
      <c r="G137" s="17"/>
      <c r="H137" s="17"/>
      <c r="I137" s="17"/>
      <c r="J137" s="17"/>
      <c r="K137" s="17"/>
      <c r="L137" s="17"/>
      <c r="M137" s="17"/>
      <c r="N137" s="17"/>
      <c r="O137" s="17"/>
      <c r="P137" s="17"/>
      <c r="Q137" s="17"/>
      <c r="R137" s="17"/>
      <c r="S137" s="13"/>
      <c r="T137" s="13"/>
      <c r="U137" s="13"/>
      <c r="V137" s="13"/>
      <c r="W137" s="21"/>
      <c r="X137" s="21"/>
      <c r="Y137" s="21"/>
      <c r="Z137" s="21"/>
      <c r="AA137" s="21"/>
      <c r="AB137" s="21"/>
      <c r="AC137" s="21"/>
      <c r="AD137" s="1"/>
      <c r="AE137" s="1"/>
    </row>
    <row r="138" spans="2:37" s="5" customFormat="1" ht="16.5" customHeight="1" x14ac:dyDescent="0.2">
      <c r="D138" s="16"/>
      <c r="E138" s="17"/>
      <c r="F138" s="17"/>
      <c r="G138" s="17"/>
      <c r="H138" s="17"/>
      <c r="I138" s="17"/>
      <c r="J138" s="17"/>
      <c r="K138" s="17"/>
      <c r="L138" s="17"/>
      <c r="M138" s="20"/>
      <c r="N138" s="17"/>
      <c r="O138" s="11"/>
      <c r="P138" s="11"/>
      <c r="Q138" s="17"/>
      <c r="R138" s="17"/>
      <c r="S138" s="13"/>
      <c r="T138" s="13"/>
      <c r="U138" s="13"/>
      <c r="V138" s="14"/>
      <c r="W138" s="21"/>
      <c r="X138" s="21"/>
      <c r="Y138" s="21"/>
      <c r="Z138" s="21"/>
      <c r="AA138" s="21"/>
      <c r="AB138" s="21"/>
      <c r="AC138" s="21"/>
    </row>
    <row r="139" spans="2:37" ht="7.5" customHeight="1" x14ac:dyDescent="0.2">
      <c r="B139" s="5"/>
      <c r="E139" s="9"/>
      <c r="F139" s="6"/>
      <c r="G139" s="13"/>
      <c r="H139" s="13"/>
      <c r="I139" s="13"/>
      <c r="J139" s="13"/>
      <c r="K139" s="13"/>
      <c r="L139" s="13"/>
      <c r="M139" s="13"/>
      <c r="N139" s="13"/>
      <c r="O139" s="13"/>
      <c r="P139" s="13"/>
      <c r="Q139" s="13"/>
      <c r="R139" s="13"/>
      <c r="S139" s="13"/>
      <c r="T139" s="13"/>
      <c r="U139" s="13"/>
      <c r="V139" s="13"/>
      <c r="W139" s="13"/>
      <c r="X139" s="13"/>
      <c r="Y139" s="13"/>
      <c r="Z139" s="13"/>
      <c r="AA139" s="13"/>
      <c r="AD139" s="1"/>
      <c r="AE139" s="1"/>
    </row>
    <row r="140" spans="2:37" ht="16.5" customHeight="1" x14ac:dyDescent="0.2">
      <c r="AD140" s="1"/>
      <c r="AE140" s="1"/>
    </row>
    <row r="141" spans="2:37" ht="16.5" customHeight="1" x14ac:dyDescent="0.2">
      <c r="AD141" s="1"/>
      <c r="AE141" s="1"/>
    </row>
    <row r="142" spans="2:37" ht="16.5" customHeight="1" x14ac:dyDescent="0.2">
      <c r="AD142" s="1"/>
      <c r="AE142" s="1"/>
    </row>
    <row r="143" spans="2:37" s="5" customFormat="1" ht="17.25" customHeight="1" x14ac:dyDescent="0.2">
      <c r="AD143" s="11"/>
      <c r="AE143" s="7"/>
    </row>
    <row r="144" spans="2:37" s="5" customFormat="1" ht="17.25" customHeight="1" x14ac:dyDescent="0.2">
      <c r="AD144" s="10"/>
      <c r="AE144" s="8"/>
    </row>
    <row r="145" spans="30:33" s="5" customFormat="1" ht="17.25" customHeight="1" x14ac:dyDescent="0.2">
      <c r="AD145" s="11"/>
      <c r="AE145" s="8"/>
    </row>
    <row r="146" spans="30:33" s="5" customFormat="1" ht="17.25" customHeight="1" x14ac:dyDescent="0.2">
      <c r="AD146" s="11"/>
      <c r="AE146" s="7"/>
    </row>
    <row r="147" spans="30:33" s="5" customFormat="1" ht="17.25" customHeight="1" x14ac:dyDescent="0.2">
      <c r="AD147" s="11"/>
      <c r="AE147" s="7"/>
    </row>
    <row r="148" spans="30:33" s="5" customFormat="1" ht="17.25" customHeight="1" x14ac:dyDescent="0.2">
      <c r="AD148" s="11"/>
      <c r="AE148" s="7"/>
    </row>
    <row r="149" spans="30:33" s="5" customFormat="1" ht="17.25" customHeight="1" x14ac:dyDescent="0.2">
      <c r="AD149" s="11"/>
      <c r="AE149" s="7"/>
      <c r="AF149" s="4"/>
      <c r="AG149" s="4"/>
    </row>
    <row r="150" spans="30:33" s="5" customFormat="1" ht="17.25" customHeight="1" x14ac:dyDescent="0.2">
      <c r="AD150" s="11"/>
      <c r="AE150" s="7"/>
    </row>
    <row r="151" spans="30:33" s="5" customFormat="1" ht="17.25" customHeight="1" x14ac:dyDescent="0.2">
      <c r="AD151" s="11"/>
      <c r="AE151" s="7"/>
    </row>
    <row r="152" spans="30:33" s="5" customFormat="1" ht="17.25" customHeight="1" x14ac:dyDescent="0.2">
      <c r="AD152" s="11"/>
      <c r="AE152" s="7"/>
    </row>
    <row r="153" spans="30:33" s="5" customFormat="1" ht="17.25" customHeight="1" x14ac:dyDescent="0.2">
      <c r="AD153" s="11"/>
      <c r="AE153" s="7"/>
      <c r="AF153" s="4"/>
      <c r="AG153" s="4"/>
    </row>
    <row r="154" spans="30:33" s="5" customFormat="1" ht="17.25" customHeight="1" x14ac:dyDescent="0.2">
      <c r="AD154" s="11"/>
      <c r="AE154" s="7"/>
      <c r="AF154" s="4"/>
      <c r="AG154" s="4"/>
    </row>
    <row r="155" spans="30:33" s="5" customFormat="1" ht="17.25" customHeight="1" x14ac:dyDescent="0.2">
      <c r="AD155" s="11"/>
      <c r="AE155" s="7"/>
    </row>
    <row r="156" spans="30:33" s="5" customFormat="1" ht="17.25" customHeight="1" x14ac:dyDescent="0.2">
      <c r="AD156" s="11"/>
      <c r="AE156" s="7"/>
    </row>
    <row r="157" spans="30:33" s="5" customFormat="1" ht="17.25" customHeight="1" x14ac:dyDescent="0.2">
      <c r="AD157" s="10"/>
      <c r="AE157" s="7"/>
    </row>
    <row r="158" spans="30:33" s="5" customFormat="1" ht="17.25" customHeight="1" x14ac:dyDescent="0.2">
      <c r="AD158" s="11"/>
      <c r="AE158" s="7"/>
    </row>
    <row r="159" spans="30:33" s="5" customFormat="1" ht="17.25" customHeight="1" x14ac:dyDescent="0.2">
      <c r="AD159" s="11"/>
      <c r="AE159" s="7"/>
    </row>
    <row r="160" spans="30:33" s="5" customFormat="1" ht="17.25" customHeight="1" x14ac:dyDescent="0.2">
      <c r="AD160" s="11"/>
      <c r="AE160" s="7"/>
    </row>
    <row r="161" spans="30:31" s="5" customFormat="1" ht="17.25" customHeight="1" x14ac:dyDescent="0.2">
      <c r="AD161" s="10"/>
      <c r="AE161" s="7"/>
    </row>
    <row r="162" spans="30:31" s="5" customFormat="1" ht="17.25" customHeight="1" x14ac:dyDescent="0.2">
      <c r="AD162" s="10"/>
      <c r="AE162" s="7"/>
    </row>
    <row r="163" spans="30:31" s="5" customFormat="1" ht="17.25" customHeight="1" x14ac:dyDescent="0.2">
      <c r="AD163" s="11"/>
      <c r="AE163" s="7"/>
    </row>
    <row r="164" spans="30:31" s="5" customFormat="1" ht="17.25" customHeight="1" x14ac:dyDescent="0.2">
      <c r="AD164" s="11"/>
      <c r="AE164" s="7"/>
    </row>
    <row r="165" spans="30:31" s="5" customFormat="1" ht="17.25" customHeight="1" x14ac:dyDescent="0.2">
      <c r="AD165" s="11"/>
      <c r="AE165" s="7"/>
    </row>
    <row r="166" spans="30:31" s="5" customFormat="1" ht="17.25" customHeight="1" x14ac:dyDescent="0.2">
      <c r="AD166" s="11"/>
      <c r="AE166" s="7"/>
    </row>
    <row r="167" spans="30:31" s="5" customFormat="1" ht="17.25" customHeight="1" x14ac:dyDescent="0.2">
      <c r="AD167" s="11"/>
      <c r="AE167" s="7"/>
    </row>
    <row r="168" spans="30:31" s="5" customFormat="1" ht="17.25" customHeight="1" x14ac:dyDescent="0.2">
      <c r="AD168" s="11"/>
      <c r="AE168" s="7"/>
    </row>
    <row r="169" spans="30:31" s="5" customFormat="1" ht="17.25" customHeight="1" x14ac:dyDescent="0.2">
      <c r="AD169" s="11"/>
      <c r="AE169" s="7"/>
    </row>
    <row r="170" spans="30:31" s="5" customFormat="1" ht="17.25" customHeight="1" x14ac:dyDescent="0.2">
      <c r="AD170" s="11"/>
      <c r="AE170" s="7"/>
    </row>
    <row r="171" spans="30:31" s="5" customFormat="1" ht="17.25" customHeight="1" x14ac:dyDescent="0.2">
      <c r="AD171" s="11"/>
      <c r="AE171" s="7"/>
    </row>
    <row r="172" spans="30:31" s="5" customFormat="1" ht="17.25" customHeight="1" x14ac:dyDescent="0.2">
      <c r="AD172" s="11"/>
      <c r="AE172" s="7"/>
    </row>
    <row r="173" spans="30:31" s="5" customFormat="1" ht="17.25" customHeight="1" x14ac:dyDescent="0.2">
      <c r="AD173" s="11"/>
      <c r="AE173" s="7"/>
    </row>
    <row r="174" spans="30:31" s="5" customFormat="1" ht="17.25" customHeight="1" x14ac:dyDescent="0.2">
      <c r="AD174" s="11"/>
      <c r="AE174" s="7"/>
    </row>
    <row r="175" spans="30:31" s="5" customFormat="1" ht="17.25" customHeight="1" x14ac:dyDescent="0.2">
      <c r="AD175" s="11"/>
      <c r="AE175" s="7"/>
    </row>
    <row r="176" spans="30:31" s="5" customFormat="1" ht="17.25" customHeight="1" x14ac:dyDescent="0.2">
      <c r="AD176" s="11"/>
      <c r="AE176" s="7"/>
    </row>
    <row r="177" spans="30:31" s="5" customFormat="1" ht="17.25" customHeight="1" x14ac:dyDescent="0.2">
      <c r="AD177" s="11"/>
      <c r="AE177" s="7"/>
    </row>
    <row r="178" spans="30:31" s="5" customFormat="1" ht="17.25" customHeight="1" x14ac:dyDescent="0.2">
      <c r="AD178" s="11"/>
      <c r="AE178" s="7"/>
    </row>
    <row r="179" spans="30:31" s="5" customFormat="1" ht="17.25" customHeight="1" x14ac:dyDescent="0.2">
      <c r="AD179" s="11"/>
      <c r="AE179" s="7"/>
    </row>
    <row r="180" spans="30:31" s="5" customFormat="1" ht="17.25" customHeight="1" x14ac:dyDescent="0.2">
      <c r="AD180" s="11"/>
      <c r="AE180" s="7"/>
    </row>
    <row r="181" spans="30:31" s="5" customFormat="1" ht="17.25" customHeight="1" x14ac:dyDescent="0.2">
      <c r="AD181" s="11"/>
      <c r="AE181" s="7"/>
    </row>
    <row r="182" spans="30:31" s="5" customFormat="1" ht="17.25" customHeight="1" x14ac:dyDescent="0.2">
      <c r="AD182" s="11"/>
      <c r="AE182" s="7"/>
    </row>
    <row r="183" spans="30:31" s="5" customFormat="1" ht="17.25" customHeight="1" x14ac:dyDescent="0.2">
      <c r="AD183" s="11"/>
      <c r="AE183" s="7"/>
    </row>
    <row r="184" spans="30:31" s="5" customFormat="1" ht="17.25" customHeight="1" x14ac:dyDescent="0.2">
      <c r="AD184" s="11"/>
      <c r="AE184" s="7"/>
    </row>
    <row r="185" spans="30:31" s="5" customFormat="1" ht="17.25" customHeight="1" x14ac:dyDescent="0.2">
      <c r="AD185" s="11"/>
      <c r="AE185" s="7"/>
    </row>
    <row r="186" spans="30:31" s="5" customFormat="1" ht="17.25" customHeight="1" x14ac:dyDescent="0.2">
      <c r="AD186" s="11"/>
      <c r="AE186" s="7"/>
    </row>
    <row r="187" spans="30:31" s="5" customFormat="1" ht="17.25" customHeight="1" x14ac:dyDescent="0.2">
      <c r="AD187" s="11"/>
      <c r="AE187" s="7"/>
    </row>
    <row r="188" spans="30:31" s="5" customFormat="1" ht="17.25" customHeight="1" x14ac:dyDescent="0.2">
      <c r="AD188" s="11"/>
      <c r="AE188" s="7"/>
    </row>
    <row r="189" spans="30:31" s="5" customFormat="1" ht="17.25" customHeight="1" x14ac:dyDescent="0.2">
      <c r="AD189" s="11"/>
      <c r="AE189" s="7"/>
    </row>
    <row r="190" spans="30:31" s="5" customFormat="1" ht="17.25" customHeight="1" x14ac:dyDescent="0.2">
      <c r="AD190" s="11"/>
      <c r="AE190" s="7"/>
    </row>
    <row r="191" spans="30:31" s="5" customFormat="1" ht="17.25" customHeight="1" x14ac:dyDescent="0.2">
      <c r="AD191" s="11"/>
      <c r="AE191" s="7"/>
    </row>
    <row r="192" spans="30:31" s="5" customFormat="1" ht="17.25" customHeight="1" x14ac:dyDescent="0.2">
      <c r="AD192" s="11"/>
      <c r="AE192" s="7"/>
    </row>
    <row r="193" spans="30:31" s="5" customFormat="1" ht="17.25" customHeight="1" x14ac:dyDescent="0.2">
      <c r="AD193" s="11"/>
      <c r="AE193" s="7"/>
    </row>
    <row r="194" spans="30:31" s="5" customFormat="1" ht="17.25" customHeight="1" x14ac:dyDescent="0.2">
      <c r="AD194" s="11"/>
      <c r="AE194" s="7"/>
    </row>
    <row r="195" spans="30:31" s="5" customFormat="1" ht="17.25" customHeight="1" x14ac:dyDescent="0.2">
      <c r="AD195" s="11"/>
      <c r="AE195" s="7"/>
    </row>
    <row r="196" spans="30:31" s="5" customFormat="1" ht="17.25" customHeight="1" x14ac:dyDescent="0.2">
      <c r="AD196" s="11"/>
      <c r="AE196" s="7"/>
    </row>
    <row r="197" spans="30:31" s="5" customFormat="1" ht="17.25" customHeight="1" x14ac:dyDescent="0.2">
      <c r="AD197" s="11"/>
      <c r="AE197" s="7"/>
    </row>
    <row r="198" spans="30:31" s="5" customFormat="1" ht="17.25" customHeight="1" x14ac:dyDescent="0.2">
      <c r="AD198" s="11"/>
      <c r="AE198" s="7"/>
    </row>
    <row r="199" spans="30:31" s="5" customFormat="1" ht="17.25" customHeight="1" x14ac:dyDescent="0.2">
      <c r="AD199" s="11"/>
      <c r="AE199" s="7"/>
    </row>
    <row r="200" spans="30:31" s="5" customFormat="1" ht="17.25" customHeight="1" x14ac:dyDescent="0.2">
      <c r="AD200" s="11"/>
      <c r="AE200" s="7"/>
    </row>
    <row r="201" spans="30:31" s="5" customFormat="1" ht="17.25" customHeight="1" x14ac:dyDescent="0.2">
      <c r="AD201" s="11"/>
      <c r="AE201" s="7"/>
    </row>
    <row r="202" spans="30:31" s="5" customFormat="1" ht="17.25" customHeight="1" x14ac:dyDescent="0.2">
      <c r="AD202" s="11"/>
      <c r="AE202" s="7"/>
    </row>
    <row r="203" spans="30:31" s="5" customFormat="1" ht="17.25" customHeight="1" x14ac:dyDescent="0.2">
      <c r="AD203" s="11"/>
      <c r="AE203" s="7"/>
    </row>
    <row r="204" spans="30:31" s="5" customFormat="1" ht="17.25" customHeight="1" x14ac:dyDescent="0.2">
      <c r="AD204" s="11"/>
      <c r="AE204" s="7"/>
    </row>
    <row r="205" spans="30:31" s="5" customFormat="1" ht="17.25" customHeight="1" x14ac:dyDescent="0.2">
      <c r="AD205" s="11"/>
      <c r="AE205" s="7"/>
    </row>
    <row r="206" spans="30:31" s="5" customFormat="1" ht="17.25" customHeight="1" x14ac:dyDescent="0.2">
      <c r="AD206" s="11"/>
      <c r="AE206" s="7"/>
    </row>
    <row r="207" spans="30:31" s="5" customFormat="1" ht="17.25" customHeight="1" x14ac:dyDescent="0.2">
      <c r="AD207" s="11"/>
      <c r="AE207" s="7"/>
    </row>
    <row r="208" spans="30:31" s="5" customFormat="1" ht="17.25" customHeight="1" x14ac:dyDescent="0.2">
      <c r="AD208" s="11"/>
      <c r="AE208" s="7"/>
    </row>
    <row r="209" spans="30:31" s="5" customFormat="1" ht="17.25" customHeight="1" x14ac:dyDescent="0.2">
      <c r="AD209" s="11"/>
      <c r="AE209" s="7"/>
    </row>
    <row r="210" spans="30:31" s="5" customFormat="1" ht="17.25" customHeight="1" x14ac:dyDescent="0.2">
      <c r="AD210" s="11"/>
      <c r="AE210" s="7"/>
    </row>
    <row r="211" spans="30:31" s="5" customFormat="1" ht="17.25" customHeight="1" x14ac:dyDescent="0.2">
      <c r="AD211" s="11"/>
      <c r="AE211" s="7"/>
    </row>
    <row r="212" spans="30:31" s="5" customFormat="1" ht="17.25" customHeight="1" x14ac:dyDescent="0.2">
      <c r="AD212" s="11"/>
      <c r="AE212" s="7"/>
    </row>
    <row r="213" spans="30:31" s="5" customFormat="1" ht="17.25" customHeight="1" x14ac:dyDescent="0.2">
      <c r="AD213" s="11"/>
      <c r="AE213" s="7"/>
    </row>
    <row r="214" spans="30:31" s="5" customFormat="1" ht="17.25" customHeight="1" x14ac:dyDescent="0.2">
      <c r="AD214" s="11"/>
      <c r="AE214" s="7"/>
    </row>
    <row r="215" spans="30:31" s="5" customFormat="1" ht="17.25" customHeight="1" x14ac:dyDescent="0.2">
      <c r="AD215" s="11"/>
      <c r="AE215" s="7"/>
    </row>
    <row r="216" spans="30:31" s="5" customFormat="1" ht="17.25" customHeight="1" x14ac:dyDescent="0.2">
      <c r="AD216" s="11"/>
      <c r="AE216" s="7"/>
    </row>
    <row r="217" spans="30:31" s="5" customFormat="1" ht="17.25" customHeight="1" x14ac:dyDescent="0.2">
      <c r="AD217" s="11"/>
      <c r="AE217" s="7"/>
    </row>
    <row r="218" spans="30:31" s="5" customFormat="1" ht="17.25" customHeight="1" x14ac:dyDescent="0.2">
      <c r="AD218" s="11"/>
      <c r="AE218" s="7"/>
    </row>
    <row r="219" spans="30:31" s="5" customFormat="1" ht="17.25" customHeight="1" x14ac:dyDescent="0.2">
      <c r="AD219" s="11"/>
      <c r="AE219" s="7"/>
    </row>
    <row r="220" spans="30:31" s="5" customFormat="1" ht="17.25" customHeight="1" x14ac:dyDescent="0.2">
      <c r="AD220" s="11"/>
      <c r="AE220" s="7"/>
    </row>
    <row r="221" spans="30:31" s="5" customFormat="1" ht="17.25" customHeight="1" x14ac:dyDescent="0.2">
      <c r="AD221" s="11"/>
      <c r="AE221" s="7"/>
    </row>
    <row r="222" spans="30:31" s="5" customFormat="1" ht="17.25" customHeight="1" x14ac:dyDescent="0.2">
      <c r="AD222" s="11"/>
      <c r="AE222" s="7"/>
    </row>
    <row r="223" spans="30:31" s="5" customFormat="1" ht="17.25" customHeight="1" x14ac:dyDescent="0.2">
      <c r="AD223" s="11"/>
      <c r="AE223" s="7"/>
    </row>
    <row r="224" spans="30:31" s="5" customFormat="1" ht="17.25" customHeight="1" x14ac:dyDescent="0.2">
      <c r="AD224" s="11"/>
      <c r="AE224" s="7"/>
    </row>
    <row r="225" spans="2:33" s="5" customFormat="1" ht="17.25" customHeight="1" x14ac:dyDescent="0.2">
      <c r="AD225" s="11"/>
      <c r="AE225" s="7"/>
    </row>
    <row r="226" spans="2:33" s="5" customFormat="1" ht="17.25" customHeight="1" x14ac:dyDescent="0.2">
      <c r="AD226" s="11"/>
      <c r="AE226" s="7"/>
    </row>
    <row r="227" spans="2:33" s="5" customFormat="1" ht="17.25" customHeight="1" x14ac:dyDescent="0.2">
      <c r="AD227" s="11"/>
      <c r="AE227" s="7"/>
    </row>
    <row r="228" spans="2:33" s="5" customFormat="1" ht="17.25" customHeight="1" x14ac:dyDescent="0.2">
      <c r="AD228" s="11"/>
      <c r="AE228" s="7"/>
    </row>
    <row r="229" spans="2:33" s="5" customFormat="1" ht="17.25" customHeight="1" x14ac:dyDescent="0.2">
      <c r="AD229" s="11"/>
      <c r="AE229" s="7"/>
    </row>
    <row r="230" spans="2:33" s="5" customFormat="1" ht="17.25" customHeight="1" x14ac:dyDescent="0.2">
      <c r="AD230" s="11"/>
      <c r="AE230" s="7"/>
    </row>
    <row r="231" spans="2:33" s="5" customFormat="1" ht="17.25" customHeight="1" x14ac:dyDescent="0.2">
      <c r="AD231" s="11"/>
      <c r="AE231" s="7"/>
    </row>
    <row r="232" spans="2:33" s="5" customFormat="1" ht="17.25" customHeight="1" x14ac:dyDescent="0.2">
      <c r="AD232" s="11"/>
      <c r="AE232" s="7"/>
    </row>
    <row r="233" spans="2:33" s="5" customFormat="1" ht="17.25" customHeight="1" x14ac:dyDescent="0.2">
      <c r="AD233" s="11"/>
      <c r="AE233" s="7"/>
    </row>
    <row r="234" spans="2:33" s="5" customFormat="1" ht="17.25" customHeight="1" x14ac:dyDescent="0.2">
      <c r="B234" s="28"/>
      <c r="AD234" s="11"/>
      <c r="AE234" s="7"/>
    </row>
    <row r="235" spans="2:33" ht="17.25" customHeight="1" x14ac:dyDescent="0.2">
      <c r="AD235" s="11"/>
      <c r="AE235" s="7"/>
      <c r="AF235" s="5"/>
      <c r="AG235" s="5"/>
    </row>
    <row r="236" spans="2:33" ht="17.25" customHeight="1" x14ac:dyDescent="0.2">
      <c r="AD236" s="11"/>
      <c r="AE236" s="7"/>
      <c r="AF236" s="5"/>
      <c r="AG236" s="5"/>
    </row>
    <row r="237" spans="2:33" ht="17.25" customHeight="1" x14ac:dyDescent="0.2">
      <c r="AD237" s="11"/>
      <c r="AE237" s="7"/>
      <c r="AF237" s="5"/>
      <c r="AG237" s="5"/>
    </row>
    <row r="238" spans="2:33" ht="17.25" customHeight="1" x14ac:dyDescent="0.2">
      <c r="AD238" s="11"/>
      <c r="AE238" s="7"/>
      <c r="AF238" s="5"/>
      <c r="AG238" s="5"/>
    </row>
    <row r="239" spans="2:33" ht="17.25" customHeight="1" x14ac:dyDescent="0.2">
      <c r="AD239" s="11"/>
      <c r="AE239" s="7"/>
      <c r="AF239" s="5"/>
      <c r="AG239" s="5"/>
    </row>
    <row r="240" spans="2:33" ht="17.25" customHeight="1" x14ac:dyDescent="0.2">
      <c r="AD240" s="11"/>
      <c r="AE240" s="7"/>
      <c r="AF240" s="5"/>
      <c r="AG240" s="5"/>
    </row>
    <row r="241" spans="30:33" ht="17.25" customHeight="1" x14ac:dyDescent="0.2">
      <c r="AD241" s="11"/>
      <c r="AE241" s="7"/>
      <c r="AF241" s="5"/>
      <c r="AG241" s="5"/>
    </row>
    <row r="242" spans="30:33" ht="17.25" customHeight="1" x14ac:dyDescent="0.2">
      <c r="AD242" s="11"/>
      <c r="AE242" s="7"/>
      <c r="AF242" s="5"/>
      <c r="AG242" s="5"/>
    </row>
    <row r="243" spans="30:33" ht="17.25" customHeight="1" x14ac:dyDescent="0.2">
      <c r="AD243" s="11"/>
      <c r="AE243" s="7"/>
      <c r="AF243" s="5"/>
      <c r="AG243" s="5"/>
    </row>
    <row r="244" spans="30:33" ht="17.25" customHeight="1" x14ac:dyDescent="0.2">
      <c r="AD244" s="11"/>
      <c r="AE244" s="7"/>
      <c r="AF244" s="5"/>
      <c r="AG244" s="5"/>
    </row>
    <row r="245" spans="30:33" ht="17.25" customHeight="1" x14ac:dyDescent="0.2">
      <c r="AD245" s="11"/>
      <c r="AE245" s="7"/>
      <c r="AF245" s="5"/>
      <c r="AG245" s="5"/>
    </row>
    <row r="246" spans="30:33" ht="17.25" customHeight="1" x14ac:dyDescent="0.2">
      <c r="AD246" s="11"/>
      <c r="AE246" s="7"/>
      <c r="AF246" s="5"/>
      <c r="AG246" s="5"/>
    </row>
    <row r="247" spans="30:33" ht="17.25" customHeight="1" x14ac:dyDescent="0.2">
      <c r="AD247" s="11"/>
      <c r="AE247" s="7"/>
      <c r="AF247" s="5"/>
      <c r="AG247" s="5"/>
    </row>
    <row r="248" spans="30:33" ht="17.25" customHeight="1" x14ac:dyDescent="0.2">
      <c r="AD248" s="11"/>
      <c r="AE248" s="7"/>
      <c r="AF248" s="5"/>
      <c r="AG248" s="5"/>
    </row>
    <row r="249" spans="30:33" ht="17.25" customHeight="1" x14ac:dyDescent="0.2">
      <c r="AD249" s="11"/>
      <c r="AE249" s="7"/>
      <c r="AF249" s="5"/>
      <c r="AG249" s="5"/>
    </row>
    <row r="250" spans="30:33" ht="17.25" customHeight="1" x14ac:dyDescent="0.2">
      <c r="AD250" s="11"/>
      <c r="AF250" s="5"/>
      <c r="AG250" s="5"/>
    </row>
    <row r="251" spans="30:33" ht="17.25" customHeight="1" x14ac:dyDescent="0.2">
      <c r="AD251" s="11"/>
      <c r="AF251" s="5"/>
      <c r="AG251" s="5"/>
    </row>
    <row r="252" spans="30:33" ht="17.25" customHeight="1" x14ac:dyDescent="0.2">
      <c r="AD252" s="11"/>
      <c r="AF252" s="5"/>
      <c r="AG252" s="5"/>
    </row>
    <row r="253" spans="30:33" ht="17.25" customHeight="1" x14ac:dyDescent="0.2">
      <c r="AD253" s="11"/>
      <c r="AF253" s="5"/>
      <c r="AG253" s="5"/>
    </row>
    <row r="254" spans="30:33" ht="17.25" customHeight="1" x14ac:dyDescent="0.2">
      <c r="AD254" s="11"/>
      <c r="AF254" s="5"/>
      <c r="AG254" s="5"/>
    </row>
    <row r="255" spans="30:33" ht="17.25" customHeight="1" x14ac:dyDescent="0.2">
      <c r="AD255" s="11"/>
      <c r="AF255" s="5"/>
      <c r="AG255" s="5"/>
    </row>
    <row r="256" spans="30:33" ht="17.25" customHeight="1" x14ac:dyDescent="0.2">
      <c r="AD256" s="11"/>
      <c r="AF256" s="5"/>
      <c r="AG256" s="5"/>
    </row>
    <row r="257" spans="30:33" ht="17.25" customHeight="1" x14ac:dyDescent="0.2">
      <c r="AD257" s="11"/>
      <c r="AF257" s="5"/>
      <c r="AG257" s="5"/>
    </row>
    <row r="258" spans="30:33" ht="17.25" customHeight="1" x14ac:dyDescent="0.2">
      <c r="AD258" s="11"/>
      <c r="AF258" s="5"/>
      <c r="AG258" s="5"/>
    </row>
    <row r="259" spans="30:33" ht="17.25" customHeight="1" x14ac:dyDescent="0.2">
      <c r="AD259" s="11"/>
    </row>
    <row r="260" spans="30:33" ht="17.25" customHeight="1" x14ac:dyDescent="0.2">
      <c r="AD260" s="11"/>
    </row>
    <row r="261" spans="30:33" ht="17.25" customHeight="1" x14ac:dyDescent="0.2">
      <c r="AD261" s="11"/>
    </row>
    <row r="262" spans="30:33" ht="17.25" customHeight="1" x14ac:dyDescent="0.2">
      <c r="AD262" s="11"/>
    </row>
    <row r="263" spans="30:33" ht="17.25" customHeight="1" x14ac:dyDescent="0.2">
      <c r="AD263" s="11"/>
    </row>
    <row r="264" spans="30:33" ht="17.25" customHeight="1" x14ac:dyDescent="0.2">
      <c r="AD264" s="11"/>
    </row>
    <row r="265" spans="30:33" ht="17.25" customHeight="1" x14ac:dyDescent="0.2">
      <c r="AD265" s="11"/>
    </row>
    <row r="266" spans="30:33" ht="17.25" customHeight="1" x14ac:dyDescent="0.2">
      <c r="AD266" s="11"/>
    </row>
  </sheetData>
  <mergeCells count="52">
    <mergeCell ref="E18:J18"/>
    <mergeCell ref="K18:Z18"/>
    <mergeCell ref="D2:AC3"/>
    <mergeCell ref="D12:E13"/>
    <mergeCell ref="F12:AC13"/>
    <mergeCell ref="E17:J17"/>
    <mergeCell ref="K17:Z17"/>
    <mergeCell ref="X80:AC80"/>
    <mergeCell ref="X82:AC82"/>
    <mergeCell ref="H33:AC36"/>
    <mergeCell ref="E19:J19"/>
    <mergeCell ref="L19:R19"/>
    <mergeCell ref="T19:Z19"/>
    <mergeCell ref="E20:J20"/>
    <mergeCell ref="K20:Z20"/>
    <mergeCell ref="E21:J21"/>
    <mergeCell ref="K21:Z21"/>
    <mergeCell ref="E22:J22"/>
    <mergeCell ref="K22:Z22"/>
    <mergeCell ref="D26:E27"/>
    <mergeCell ref="F26:AC27"/>
    <mergeCell ref="Z29:AC29"/>
    <mergeCell ref="D75:E76"/>
    <mergeCell ref="F75:AC76"/>
    <mergeCell ref="D41:E42"/>
    <mergeCell ref="F41:AC42"/>
    <mergeCell ref="W44:AC44"/>
    <mergeCell ref="AA50:AC50"/>
    <mergeCell ref="AA52:AC52"/>
    <mergeCell ref="AA54:AC54"/>
    <mergeCell ref="AA56:AC56"/>
    <mergeCell ref="AA60:AC60"/>
    <mergeCell ref="AA62:AC62"/>
    <mergeCell ref="AA64:AC64"/>
    <mergeCell ref="H68:AC71"/>
    <mergeCell ref="AA86:AC86"/>
    <mergeCell ref="AA88:AC88"/>
    <mergeCell ref="AA90:AC90"/>
    <mergeCell ref="D103:E104"/>
    <mergeCell ref="F103:AC104"/>
    <mergeCell ref="H97:AC100"/>
    <mergeCell ref="Y106:AB106"/>
    <mergeCell ref="H126:AC130"/>
    <mergeCell ref="D133:E134"/>
    <mergeCell ref="F133:AC134"/>
    <mergeCell ref="Y110:AB110"/>
    <mergeCell ref="AA114:AC114"/>
    <mergeCell ref="AA118:AC118"/>
    <mergeCell ref="AA120:AC120"/>
    <mergeCell ref="D123:E124"/>
    <mergeCell ref="F123:AC124"/>
    <mergeCell ref="W108:AC108"/>
  </mergeCells>
  <phoneticPr fontId="4"/>
  <dataValidations count="14">
    <dataValidation type="list" allowBlank="1" showInputMessage="1" showErrorMessage="1" sqref="K21:Z21" xr:uid="{00000000-0002-0000-0200-000000000000}">
      <formula1>$AG$21:$AI$21</formula1>
    </dataValidation>
    <dataValidation type="list" allowBlank="1" showInputMessage="1" showErrorMessage="1" sqref="AA54:AC54" xr:uid="{00000000-0002-0000-0200-000001000000}">
      <formula1>$AG$54:$AI$54</formula1>
    </dataValidation>
    <dataValidation type="list" allowBlank="1" showInputMessage="1" showErrorMessage="1" sqref="AA60:AC60" xr:uid="{00000000-0002-0000-0200-000002000000}">
      <formula1>$AG$60:$AI$60</formula1>
    </dataValidation>
    <dataValidation type="list" allowBlank="1" showInputMessage="1" showErrorMessage="1" sqref="AA86:AC86" xr:uid="{00000000-0002-0000-0200-000003000000}">
      <formula1>$AG$86:$AI$86</formula1>
    </dataValidation>
    <dataValidation type="list" allowBlank="1" showInputMessage="1" showErrorMessage="1" sqref="AA88:AC88" xr:uid="{00000000-0002-0000-0200-000004000000}">
      <formula1>$AG$88:$AI$88</formula1>
    </dataValidation>
    <dataValidation type="list" allowBlank="1" showInputMessage="1" showErrorMessage="1" sqref="AA114:AC114" xr:uid="{00000000-0002-0000-0200-000005000000}">
      <formula1>$AG$114:$AH$114</formula1>
    </dataValidation>
    <dataValidation type="list" allowBlank="1" showInputMessage="1" showErrorMessage="1" sqref="AA120:AC120" xr:uid="{00000000-0002-0000-0200-000006000000}">
      <formula1>$AG$120:$AH$120</formula1>
    </dataValidation>
    <dataValidation type="list" allowBlank="1" showInputMessage="1" showErrorMessage="1" sqref="AA118:AC118" xr:uid="{00000000-0002-0000-0200-000007000000}">
      <formula1>$AG$118:$AI$118</formula1>
    </dataValidation>
    <dataValidation type="list" allowBlank="1" showInputMessage="1" showErrorMessage="1" sqref="AA90:AC90" xr:uid="{00000000-0002-0000-0200-000008000000}">
      <formula1>$AG$90:$AI$90</formula1>
    </dataValidation>
    <dataValidation type="list" allowBlank="1" showInputMessage="1" showErrorMessage="1" sqref="Z29:AC29" xr:uid="{00000000-0002-0000-0200-000009000000}">
      <formula1>$AG$29:$AH$29</formula1>
    </dataValidation>
    <dataValidation type="list" allowBlank="1" showInputMessage="1" showErrorMessage="1" sqref="AA56:AC56" xr:uid="{00000000-0002-0000-0200-00000A000000}">
      <formula1>$AG$56:$AI$56</formula1>
    </dataValidation>
    <dataValidation type="list" allowBlank="1" showInputMessage="1" showErrorMessage="1" sqref="AA64:AC64" xr:uid="{00000000-0002-0000-0200-00000B000000}">
      <formula1>$AG$64:$AI$64</formula1>
    </dataValidation>
    <dataValidation type="list" allowBlank="1" showInputMessage="1" showErrorMessage="1" sqref="W44" xr:uid="{00000000-0002-0000-0200-00000C000000}">
      <formula1>$AG$44:$AL$44</formula1>
    </dataValidation>
    <dataValidation type="list" allowBlank="1" showInputMessage="1" showErrorMessage="1" sqref="AA50 AA52 AA62" xr:uid="{00000000-0002-0000-0200-00000D000000}">
      <formula1>$AG$50:$AI$50</formula1>
    </dataValidation>
  </dataValidations>
  <pageMargins left="0.59055118110236227" right="0.39370078740157483" top="0.43307086614173229" bottom="0.19685039370078741" header="0.39370078740157483" footer="0.23622047244094491"/>
  <pageSetup paperSize="9" scale="85" fitToHeight="0" orientation="portrait" r:id="rId1"/>
  <rowBreaks count="1" manualBreakCount="1">
    <brk id="72" min="1" max="29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1"/>
  </sheetPr>
  <dimension ref="A1"/>
  <sheetViews>
    <sheetView workbookViewId="0">
      <selection activeCell="H17" sqref="H17"/>
    </sheetView>
  </sheetViews>
  <sheetFormatPr defaultRowHeight="13.2" x14ac:dyDescent="0.2"/>
  <sheetData/>
  <phoneticPr fontId="4"/>
  <pageMargins left="0.7" right="0.7" top="0.75" bottom="0.75" header="0.3" footer="0.3"/>
  <pageSetup paperSize="9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1"/>
  </sheetPr>
  <dimension ref="A1:AH7"/>
  <sheetViews>
    <sheetView topLeftCell="N1" zoomScaleNormal="100" workbookViewId="0">
      <selection activeCell="U1" sqref="U1:V1048576"/>
    </sheetView>
  </sheetViews>
  <sheetFormatPr defaultColWidth="9" defaultRowHeight="13.2" x14ac:dyDescent="0.2"/>
  <cols>
    <col min="1" max="1" width="9" style="24"/>
    <col min="2" max="2" width="14.33203125" style="24" customWidth="1"/>
    <col min="3" max="16384" width="9" style="24"/>
  </cols>
  <sheetData>
    <row r="1" spans="1:34" s="23" customFormat="1" ht="13.5" customHeight="1" x14ac:dyDescent="0.2">
      <c r="A1" s="62" t="s">
        <v>105</v>
      </c>
    </row>
    <row r="2" spans="1:34" ht="14.25" customHeight="1" x14ac:dyDescent="0.2"/>
    <row r="3" spans="1:34" ht="105.75" customHeight="1" x14ac:dyDescent="0.2">
      <c r="A3" s="77" t="s">
        <v>153</v>
      </c>
      <c r="B3" s="82"/>
      <c r="C3" s="82"/>
      <c r="D3" s="82"/>
      <c r="E3" s="82"/>
      <c r="F3" s="82"/>
      <c r="G3" s="82"/>
      <c r="H3" s="74" t="s">
        <v>148</v>
      </c>
      <c r="I3" s="75"/>
      <c r="J3" s="74" t="s">
        <v>149</v>
      </c>
      <c r="K3" s="76"/>
      <c r="L3" s="76"/>
      <c r="M3" s="76"/>
      <c r="N3" s="76"/>
      <c r="O3" s="76"/>
      <c r="P3" s="76"/>
      <c r="Q3" s="84"/>
      <c r="R3" s="75"/>
      <c r="S3" s="76" t="s">
        <v>154</v>
      </c>
      <c r="T3" s="76"/>
      <c r="U3" s="76"/>
      <c r="V3" s="76"/>
      <c r="W3" s="76"/>
      <c r="X3" s="76"/>
      <c r="Y3" s="74" t="s">
        <v>150</v>
      </c>
      <c r="Z3" s="76"/>
      <c r="AA3" s="76"/>
      <c r="AB3" s="76"/>
      <c r="AC3" s="76"/>
      <c r="AD3" s="77" t="s">
        <v>151</v>
      </c>
    </row>
    <row r="4" spans="1:34" ht="120.75" customHeight="1" x14ac:dyDescent="0.2">
      <c r="A4" s="83" t="s">
        <v>4</v>
      </c>
      <c r="B4" s="83" t="s">
        <v>5</v>
      </c>
      <c r="C4" s="83" t="str">
        <f>アンケート!K18</f>
        <v>N</v>
      </c>
      <c r="D4" s="83" t="str">
        <f>アンケート!S18</f>
        <v>E</v>
      </c>
      <c r="E4" s="83" t="s">
        <v>147</v>
      </c>
      <c r="F4" s="83" t="s">
        <v>31</v>
      </c>
      <c r="G4" s="83" t="s">
        <v>32</v>
      </c>
      <c r="H4" s="78" t="str">
        <f>アンケート!E28</f>
        <v>試行工事を実施されましたか。</v>
      </c>
      <c r="I4" s="78" t="str">
        <f>アンケート!E30</f>
        <v>実施されなかった理由を教えてください。</v>
      </c>
      <c r="J4" s="78" t="str">
        <f>アンケート!E43</f>
        <v>どのような打設方法で施工されましたか</v>
      </c>
      <c r="K4" s="78" t="str">
        <f>アンケート!E49</f>
        <v>荷卸性状（材料分離の有無や粘性など）</v>
      </c>
      <c r="L4" s="78" t="str">
        <f>アンケート!E51</f>
        <v>筒先性状（材料分離の有無や粘性）</v>
      </c>
      <c r="M4" s="78" t="str">
        <f>アンケート!E53</f>
        <v>圧送状況</v>
      </c>
      <c r="N4" s="79" t="str">
        <f>アンケート!E55</f>
        <v>高炉Coと比較した施工性</v>
      </c>
      <c r="O4" s="79" t="str">
        <f>アンケート!E59</f>
        <v>ブリーディングの発生状況</v>
      </c>
      <c r="P4" s="79" t="str">
        <f>アンケート!E61</f>
        <v>コテ仕上げの施工性</v>
      </c>
      <c r="Q4" s="79" t="str">
        <f>アンケート!E63</f>
        <v>高炉Coと比較した施工性</v>
      </c>
      <c r="R4" s="80" t="str">
        <f>アンケート!E65</f>
        <v>高炉Coと比較して気づいた点があれば教えてください。</v>
      </c>
      <c r="S4" s="79" t="str">
        <f>アンケート!E79</f>
        <v>脱型時の調査を行った日</v>
      </c>
      <c r="T4" s="79" t="str">
        <f>アンケート!E81</f>
        <v>完成写真撮影時の調査を行った日</v>
      </c>
      <c r="U4" s="79" t="str">
        <f>アンケート!E85</f>
        <v>ひび割れ</v>
      </c>
      <c r="V4" s="79" t="str">
        <f>アンケート!E87</f>
        <v>黒ずみ・色むら</v>
      </c>
      <c r="W4" s="79" t="str">
        <f>アンケート!E89</f>
        <v>表面気泡</v>
      </c>
      <c r="X4" s="80" t="str">
        <f>アンケート!E94</f>
        <v>高炉Coと比較して気づいた点があれば教えてください。</v>
      </c>
      <c r="Y4" s="80" t="str">
        <f>アンケート!E105</f>
        <v>今回の工事で打設したFACoの量を教えてください。</v>
      </c>
      <c r="Z4" s="80" t="str">
        <f>アンケート!E107</f>
        <v>FACoを購入したプラントを教えてください。</v>
      </c>
      <c r="AA4" s="79" t="str">
        <f>アンケート!E109</f>
        <v>練混から荷卸までのおよその経過時間を教えてください。</v>
      </c>
      <c r="AB4" s="81" t="str">
        <f>アンケート!E111</f>
        <v>この回答を記入いただいている方にうかがします。今回の工事以前にFACoを施工したことがありましたか。</v>
      </c>
      <c r="AC4" s="78" t="str">
        <f>アンケート!E115</f>
        <v>（この回答を記入いただいている方以外の方で、）FACoの施工経験がある作業員はいましたか。</v>
      </c>
      <c r="AD4" s="81" t="str">
        <f>アンケート!F122</f>
        <v>その他ご意見・ご感想等があれば、教えてください。</v>
      </c>
      <c r="AH4" s="60"/>
    </row>
    <row r="5" spans="1:34" x14ac:dyDescent="0.2">
      <c r="A5" s="46"/>
      <c r="B5" s="46"/>
      <c r="C5" s="46"/>
      <c r="D5" s="46"/>
      <c r="E5" s="46"/>
      <c r="F5" s="46"/>
      <c r="G5" s="46"/>
      <c r="H5" s="45"/>
      <c r="I5" s="45"/>
      <c r="J5" s="45"/>
      <c r="K5" s="45"/>
      <c r="L5" s="45"/>
      <c r="M5" s="45"/>
      <c r="N5" s="47"/>
      <c r="O5" s="47"/>
      <c r="P5" s="47"/>
      <c r="Q5" s="47"/>
      <c r="R5" s="48"/>
      <c r="S5" s="47"/>
      <c r="T5" s="47"/>
      <c r="U5" s="47"/>
      <c r="V5" s="47"/>
      <c r="W5" s="47"/>
      <c r="X5" s="48"/>
      <c r="Y5" s="49"/>
      <c r="Z5" s="49"/>
      <c r="AA5" s="47"/>
      <c r="AB5" s="45"/>
      <c r="AC5" s="45"/>
      <c r="AD5" s="45"/>
    </row>
    <row r="6" spans="1:34" ht="63" customHeight="1" x14ac:dyDescent="0.2">
      <c r="A6" s="26">
        <f>アンケート!K16</f>
        <v>0</v>
      </c>
      <c r="B6" s="26">
        <f>アンケート!K17</f>
        <v>0</v>
      </c>
      <c r="C6" s="26">
        <f>アンケート!L18</f>
        <v>0</v>
      </c>
      <c r="D6" s="26">
        <f>アンケート!T18</f>
        <v>0</v>
      </c>
      <c r="E6" s="61">
        <f>アンケート!K19</f>
        <v>0</v>
      </c>
      <c r="F6" s="26">
        <f>アンケート!K20</f>
        <v>0</v>
      </c>
      <c r="G6" s="61">
        <f>アンケート!K21</f>
        <v>0</v>
      </c>
      <c r="H6" s="26">
        <f>アンケート!Z28</f>
        <v>0</v>
      </c>
      <c r="I6" s="26" t="str">
        <f>アンケート!H32</f>
        <v>※実施された場合は、この項目は回答不要です。</v>
      </c>
      <c r="J6" s="26">
        <f>アンケート!W43</f>
        <v>0</v>
      </c>
      <c r="K6" s="26">
        <f>アンケート!AA49</f>
        <v>0</v>
      </c>
      <c r="L6" s="26">
        <f>アンケート!AA51</f>
        <v>0</v>
      </c>
      <c r="M6" s="26">
        <f>アンケート!AA53</f>
        <v>0</v>
      </c>
      <c r="N6" s="26">
        <f>アンケート!AA55</f>
        <v>0</v>
      </c>
      <c r="O6" s="26">
        <f>アンケート!AA59</f>
        <v>0</v>
      </c>
      <c r="P6" s="26">
        <f>アンケート!AA61</f>
        <v>0</v>
      </c>
      <c r="Q6" s="26">
        <f>アンケート!AA63</f>
        <v>0</v>
      </c>
      <c r="R6" s="26">
        <f>アンケート!H67</f>
        <v>0</v>
      </c>
      <c r="S6" s="26">
        <f>アンケート!X79</f>
        <v>0</v>
      </c>
      <c r="T6" s="26">
        <f>アンケート!X81</f>
        <v>0</v>
      </c>
      <c r="U6" s="26">
        <f>アンケート!AA85</f>
        <v>0</v>
      </c>
      <c r="V6" s="26">
        <f>アンケート!AA87</f>
        <v>0</v>
      </c>
      <c r="W6" s="26">
        <f>アンケート!AA89</f>
        <v>0</v>
      </c>
      <c r="X6" s="26">
        <f>アンケート!H96</f>
        <v>0</v>
      </c>
      <c r="Y6" s="26">
        <f>アンケート!Y105</f>
        <v>0</v>
      </c>
      <c r="Z6" s="26">
        <f>アンケート!W107</f>
        <v>0</v>
      </c>
      <c r="AA6" s="26">
        <f>アンケート!Y109</f>
        <v>0</v>
      </c>
      <c r="AB6" s="26">
        <f>アンケート!AA113</f>
        <v>0</v>
      </c>
      <c r="AC6" s="26">
        <f>アンケート!AA117</f>
        <v>0</v>
      </c>
      <c r="AD6" s="26">
        <f>アンケート!H125</f>
        <v>0</v>
      </c>
    </row>
    <row r="7" spans="1:34" s="25" customFormat="1" ht="13.5" customHeight="1" x14ac:dyDescent="0.2">
      <c r="A7" s="50"/>
      <c r="B7" s="50"/>
      <c r="C7" s="50"/>
      <c r="D7" s="50"/>
      <c r="E7" s="50"/>
      <c r="F7" s="50"/>
      <c r="G7" s="50"/>
      <c r="H7" s="50"/>
      <c r="I7" s="50"/>
      <c r="J7" s="50"/>
      <c r="K7" s="50"/>
      <c r="L7" s="50"/>
      <c r="M7" s="50"/>
      <c r="N7" s="50"/>
      <c r="O7" s="50"/>
      <c r="P7" s="50"/>
      <c r="Q7" s="50"/>
      <c r="R7" s="50"/>
      <c r="S7" s="50"/>
      <c r="T7" s="50"/>
      <c r="U7" s="50"/>
      <c r="V7" s="50"/>
      <c r="W7" s="50"/>
      <c r="X7" s="50"/>
      <c r="Y7" s="50"/>
      <c r="Z7" s="50"/>
      <c r="AA7" s="50"/>
      <c r="AB7" s="50"/>
      <c r="AC7" s="50"/>
      <c r="AD7" s="50"/>
    </row>
  </sheetData>
  <phoneticPr fontId="4"/>
  <pageMargins left="0.7" right="0.7" top="0.75" bottom="0.75" header="0.3" footer="0.3"/>
  <pageSetup paperSize="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アンケート</vt:lpstr>
      <vt:lpstr>工事写真</vt:lpstr>
      <vt:lpstr>アンケート （記入例）</vt:lpstr>
      <vt:lpstr>→以下集計用シート（入力しないでください）</vt:lpstr>
      <vt:lpstr>集計用</vt:lpstr>
      <vt:lpstr>アンケート!Print_Area</vt:lpstr>
      <vt:lpstr>'アンケート （記入例）'!Print_Area</vt:lpstr>
      <vt:lpstr>工事写真!Print_Area</vt:lpstr>
      <vt:lpstr>工事写真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安村　拓実</cp:lastModifiedBy>
  <cp:lastPrinted>2022-03-23T01:30:29Z</cp:lastPrinted>
  <dcterms:modified xsi:type="dcterms:W3CDTF">2025-02-12T04:58:08Z</dcterms:modified>
</cp:coreProperties>
</file>